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5. Renátka\85_2025 Servis a podpora systémov TomoCon PACS\02. Príprava\05. PTK\01. Odoslanie PTK\"/>
    </mc:Choice>
  </mc:AlternateContent>
  <bookViews>
    <workbookView xWindow="0" yWindow="0" windowWidth="23040" windowHeight="9195"/>
  </bookViews>
  <sheets>
    <sheet name="Cenová ponuka" sheetId="8" r:id="rId1"/>
  </sheets>
  <definedNames>
    <definedName name="_xlnm.Print_Area" localSheetId="0">'Cenová ponuka'!$B$1:$F$148</definedName>
  </definedNames>
  <calcPr calcId="152511"/>
  <fileRecoveryPr repairLoad="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98" uniqueCount="179">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 xml:space="preserve">1. </t>
  </si>
  <si>
    <t>Položka č. 1 - Servis a podpora systémov TomoCon PACS</t>
  </si>
  <si>
    <t xml:space="preserve">3. </t>
  </si>
  <si>
    <t xml:space="preserve">4. </t>
  </si>
  <si>
    <t>5.</t>
  </si>
  <si>
    <t>Dodávateľ garantuje časovú funkčnosť systémov v roku minimálne 99% (počet pracovných dní v roku je základným parametrom percentuálnej funkčnosti). Za nefunkčnosť systému sa nepovažuje čas potrebný na jeho pravidelnú prehliadku a údržbu. Za nefunkčnosť sa nepovažujú tie skutočnosti podmieňujúce funkčnosť systému/systémov, ktoré dodávateľ nemôže ovplyvniť, ako napríklad výpadky v dodávke elektrickej energie, nefunkčnosť, znížená funkčnosť alebo preukázateľná nefunkčnosť príslušnej IT infraštruktúry, ktorá má priamy vplyv na funkčnosť systému, ďalej zakázané, neprimerané a nekompetentné zásahy do systému zo strany miestnej obsluhy alebo opomenutie predpísaných relevantných činností zo strany miestnej obsluhy alebo nevykonanie odôvodnených miestnych technických a organizačných opatrení na predchádzanie nefunkčnosti systému.</t>
  </si>
  <si>
    <t>3.</t>
  </si>
  <si>
    <t>4.</t>
  </si>
  <si>
    <t>Objednávateľ zaistí všestrannú súčinnosť a dostupnosť systému pre diaľkový servis porúch, podľa možností objednávateľa aj v mimopracovných hodinách. Objednávateľ zaistí fyzickú súčinnosť a fyzickú dostupnosť systému pre servis porúch v sídle objednávateľa i v mimopracovných hodinách. Objednávateľ zaistí pre PACS server podsystém pre trvalé sledovanie a diaľkový prístup a pripojenie na internet.</t>
  </si>
  <si>
    <t>6.</t>
  </si>
  <si>
    <t>Pri servise systému prostredníctvom diaľkového prístupu dodávateľ dodržiava všetky stanovené bezpečnostné zásady. Ak dodávateľ spôsobí objednávateľovi hrubým porušením tejto povinnosti škodu, je povinný ju bez zbytočného omeškania napraviť.</t>
  </si>
  <si>
    <t>7.</t>
  </si>
  <si>
    <t>8.</t>
  </si>
  <si>
    <t>Komplexný systém SW TomoCon® PACS (ďalej tiež „systém“) umožňuje nasledujúce funkcie:</t>
  </si>
  <si>
    <t>b) digitálnu rádiologickú diagnostiku vyšetrení/DICOM štúdií z daných modalít na diagnostických staniciach TomoCon, aktuálna verzia,</t>
  </si>
  <si>
    <t>c) distribúciu digitálnej obrazovej dokumentácie všetkým autorizovaným používateľom v rámci miestnych počítačových sietí (LAN) objednávateľa,</t>
  </si>
  <si>
    <t>d) pripojenie systémov TomoCon PACS k službám Telerádiologického Komunikačného centra T3C za účelom diaľkového prenosu obrazovej zdravotnej dokumentácie v norme DICOM do/z iných zdravotníckych zariadení (výlučne pripojenie sa do služieb T3C, mimo poplatkov za pripojenie sa na Internet a poplatkov za prenesené objemy dát),</t>
  </si>
  <si>
    <t>e) vizualizáciu snímok na pracovných staniciach, podľa funkčnosti aktuálnych verzií najmä: dvojrozmerná, MPR, trojrozmerná, štandardné rádiologické operácie, nastavenie optických parametrov, zväčšenie, posuv, prehrávanie sekvencií, inverzné zobrazenie, mód pre dotykové monitory, interpolácie, filtre, anotácie, výber textovej sprievodnej informácie,</t>
  </si>
  <si>
    <t>f) CT/MR/PT korelácie, fúzie a zobrazenia – automatické iba na staniciach TomoCon Advanced Station,</t>
  </si>
  <si>
    <t>g) archiváciu, dokumentáciu a tlač DICOM štruktúrovaných popisov,</t>
  </si>
  <si>
    <t>h) možnosť neskoršej konfigurácie a tlače digitálnej obrazovej dokumentácie na filmy,</t>
  </si>
  <si>
    <t>j) monitorovanie a diaľkovú správu systému.</t>
  </si>
  <si>
    <t>Predmetom pravidelnej kontroly je najmä kontrola nastavení a funkcie systémov a ďalšie preventívne zásahy za účelom predchádzania výskytu porúch systémov.</t>
  </si>
  <si>
    <t xml:space="preserve">Pravidelnú kontrolu systémov vykonáva dodávateľ minimálne 1x ročne v predmetnom pracovisku objednávateľa (táto môže byť v rámci servisného zásahu) a každý pracovný týždeň diaľkovým prístupom, ak mu to správca systému/systémov objednávateľa povolí. </t>
  </si>
  <si>
    <t>60 minút v pracovnom čase - pracovných dňoch od 8:00 do 16:00, diaľkovým prístupom,</t>
  </si>
  <si>
    <t>120 minút v ostatnom čase, diaľkovým prístupom,</t>
  </si>
  <si>
    <t>V odôvodnených prípadoch môžu byť s písomným/e-mail súhlasom objednávateľa tieto lehoty primerane predĺžené.</t>
  </si>
  <si>
    <t>Servis a podpora systémov TomoCon PACS</t>
  </si>
  <si>
    <t>Zmluva o poskytnutí služieb</t>
  </si>
  <si>
    <t>Podpora, servis a softvérové aktualizácie komplexných softvérových a hardvérových systémov vo vlastníctve objednávateľa (ďalej len „systémy“), ktoré sú špecifikované v bode 2 tohto článku zmluvy, a to v rozsahu a za podmienok dohodnutých touto zmluvou</t>
  </si>
  <si>
    <t>Komplexné softvérové a hardvérové systémy podľa bodu 1 tohto článku zmluvy predstavujú:</t>
  </si>
  <si>
    <t>TomoCon® PACS, vrátane služieb Telerádiologického komunikačného centra T3C,</t>
  </si>
  <si>
    <t>diagnostické stanice TomoCon Viewer,</t>
  </si>
  <si>
    <t>klinický webový prehliadač TomoCon Go,</t>
  </si>
  <si>
    <t xml:space="preserve">Podpora podľa tejto zmluvy zahŕňa udržiavanie správnej funkčnosti systémov uvedených v bode 2 tohto článku zmluvy a v súlade s príslušnými manuálmi k systémom. </t>
  </si>
  <si>
    <t xml:space="preserve">Podpora ďalej zahŕňa odstraňovanie porúch systémov, pravidelnú kontrolu systémov a konzultácie. </t>
  </si>
  <si>
    <t>Odstraňovanie porúch systému vykonáva dodávateľ na základe požiadavky vznesenej objednávateľom podľa bodu 10 tohto článku zmluvy, a to podľa závažnosti poruchy buď diaľkovým prístupom alebo servisným zásahom v predmetnom pracovisku objednávateľa.</t>
  </si>
  <si>
    <t>Konzultácie znamenajú možnosť správcu systému/systémov objednávateľa klásť dodávateľovi e-mailom, telefonicky alebo listom otázky, ktoré sa týkajú prevádzky a funkčnosti systému/systémov, pričom dodávateľ je povinný tieto otázky zodpovedať bez zbytočného omeškania a to všetko v pracovných dňoch od 8.00 do 16:00 a pre podporu a odstraňovanie porúch systému TomoCon® PACS v režime 24/7.</t>
  </si>
  <si>
    <t>Aktualizácia systému podľa tejto zmluvy zahŕňa poskytnutie každej novej verzie SW systému a na základe požiadavky objednávateľa zaškolenie obsluhy systému v sídle objednávateľa pri každej aktualizácii.</t>
  </si>
  <si>
    <t>10.</t>
  </si>
  <si>
    <t>11.</t>
  </si>
  <si>
    <t>12.</t>
  </si>
  <si>
    <t>13.</t>
  </si>
  <si>
    <t>14.</t>
  </si>
  <si>
    <t>15.</t>
  </si>
  <si>
    <t>9.</t>
  </si>
  <si>
    <t xml:space="preserve">7. </t>
  </si>
  <si>
    <t xml:space="preserve">Cestovné a akékoľvek iné, resp. ďalšie náklady spojené s výkonom služieb, resp. s činnosťou servisného pracovníka počas výkonu služieb vykonávaných podľa tohto článku zmluvy, sú zahrnuté v cene služieb a z tohto dôvodu nie je dodávateľ oprávnený ich objednávateľovi samostatne fakturovať.   </t>
  </si>
  <si>
    <t>Pod poruchou podľa tejto zmluvy sa rozumie úplná nefunkčnosť systému a/alebo strata ľubovoľnej funkcionality uvedenej v bode 3 tohto článku zmluvy.</t>
  </si>
  <si>
    <t xml:space="preserve">Odstraňovanie porúch príslušného systému podľa bodu 4 tohto článku zmluvy vykonáva dodávateľ na základe písomnej požiadavky vznesenej objednávateľom e-mailom alebo listom a pre oprávnené osoby aj telefonicky. Dodávateľ sa zaväzuje potvrdiť doručenie písomnej požiadavky. </t>
  </si>
  <si>
    <t>Dodávateľ sa zaväzuje poruchu, ktorá bráni používaniu systému, odstrániť v čo najkratšej možnej lehote. Zahájiť odstránenia poruchy je dodávateľ povinný do:</t>
  </si>
  <si>
    <t>48 hodín na mieste, t. j. Východoslovenský ústav srdcových a cievnych chorôb, a. s., Ondavská 8, 040 11 Košice, (čas sa nepočíta počas dní pracovného pokoja) podľa potreby pri ohlásení poruchy, ktorú nie je schopný správca systému objednávateľa vyriešiť samostatne ani dodávateľ diaľkovým prístupom.</t>
  </si>
  <si>
    <t>Zmluvné strany sa dohodli, že dodávateľ je povinný poruchu odstrániť v čo najkratšom čase od nástupu na servis na mieste, za predpokladu funkčnej príslušnej IT infraštruktúry, ktorá má bezprostredný dopad na funkčnosť systému.</t>
  </si>
  <si>
    <t>Aktualizácie systémov poskytnuté dodávateľom podľa tejto zmluvy musia byť vždy klinicky overené a CE certifikované.</t>
  </si>
  <si>
    <t>Dodávateľ sa zaväzuje vykonávať servis systému po predchádzajúcej dohode s kontaktnou osobou objednávateľa a to tak, aby v čo najmenšej miere obmedzil prevádzku pracoviska.</t>
  </si>
  <si>
    <t xml:space="preserve">Po ukončení servisného zásahu môže dodávateľ vypísať protokol, v ktorom špecifikuje príčinu poruchy a navrhne objednávateľovi technické a organizačné opatrenia na ich predchádzanie. </t>
  </si>
  <si>
    <t>Dodávateľ sa zaväzuje vykonávať služby v dohodnutom rozsahu v súlade s touto zmluvou, platnou legislatívou, normami STN a EN a podľa pokynov objednávateľa.</t>
  </si>
  <si>
    <t>Cena za služby je dohodnutá v súlade so zákonom č. 18/1996 Z. z. o cenách a vyhláškou MF SR č. 87/1996 Z. z. a je maximálna a záväzná počas platnosti tejto zmluvy. Dodávateľ nie je oprávnený počas doby trvania  tejto zmluvy jednostranne upraviť dohodnutú cenu za služby.</t>
  </si>
  <si>
    <t>Celková cena za poskytnuté služby za celé obdobie trvania tohto zmluvného vzťahu je uvedená v Prílohe č. 1 - Kalkulácia ceny a návrh na plnenia kritéria na vyhodnotenie ponúk a bude objednávateľom hradená formou mesačných paušálnych odmien, resp. platieb.</t>
  </si>
  <si>
    <t>Splatnosť faktúry je šesťdesiat (60) kalendárnych dní odo dňa ich doručenia objednávateľovi. (§340b ods.5 zákona č. 513/1991 Zb. Obchodný zákonník v znení neskorších predpisov).  Faktúry musia mať náležitosti daňového dokladu v zmysle zák. č. 222/2004 Z. z. o dani z pridanej hodnoty a musia obsahovať číslo tejto zmluvy. Povinnou prílohou faktúry sú Servisné správy za služby vykonané v príslušnom fakturačnom období. V prípade, že faktúra nebude obsahovať uvedené náležitosti alebo povinné prílohy, kupujúci je oprávnený vrátiť ju predávajúcemu na opravu alebo doplnenie. V takom prípade nová lehota splatnosti faktúry začne plynúť až doručením opravenej, resp. doplnenej faktúry kupujúcemu.</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 je platný len za podmienky, že bol na takýto úkon udelený predchádzajúci písomný súhlas Ministerstva zdravotníctva SR.</t>
  </si>
  <si>
    <t>V prípade omeškania dodávateľa so splnením niektorej povinnosti podľa tejto zmluvy, je objednávateľ oprávnený vyúčtovať dodávateľovi zmluvnú pokutu vo výške 0,04 % z ročnej ceny služieb servisnej starostlivosti za každý deň omeškania.</t>
  </si>
  <si>
    <t>V prípade omeškania objednávateľa s úhradou faktúry je dodávateľ oprávnený účtovať úrok z omeškania maximálne vo výške 0,04 % z dlžnej čiastky za každý deň omeškania.</t>
  </si>
  <si>
    <t>Uhradením zmluvnej pokuty nezaniká nárok objednávateľa na náhradu škody.</t>
  </si>
  <si>
    <t xml:space="preserve">Za okolnosti vylučujúce zodpovednosť sa považuje prekážka, ktorá nastala nezávisle od vôle povinnej strany a bráni jej v splnení jej povinnosti, ak nemožno rozumne predpokladať, že by povinná strana túto prekážku alebo jej následky odvrátila alebo prekonala, a ďalej, že by v čase vzniku záväzku túto prekážku predvídala. Zodpovednosť však nevylučuje prekážka, ktorá vznikla až v čase, keď povinná strana bola v omeškaní s plnením svojej povinnosti alebo vznikla z jej hospodárskych pomerov. Účinky vylučujúce zodpovednosť sú obmedzené iba na dobu, dokiaľ trvá prekážka, s ktorou sú tieto účinky spojené. Na účely tejto zmluvy sa za okolnosti vylučujúce zodpovednosť považujú najmä prípady podľa zákona č. 227/2002 Z. z. o bezpečnosti štátu v čase vojny, vojnového stavu, výnimočného stavu a núdzového stavu, ako aj napr. štrajk, epidémia, požiar, prírodná katastrofa, povstanie, zabavenie resp. embargo produktov objektívne potrebných pre poskytovanie predmetu plnenia, nezavinená regulácia odberu elektrickej energie. </t>
  </si>
  <si>
    <t>Poškodená strana, resp. oprávnená strana nemá nárok na náhradu škody, ak nesplnenie povinnosti povinnej strany bolo spôsobené okolnosťou vylučujúcou zodpovednosť, porušením povinností poškodenou stranou alebo nedostatkom súčinnosti, na ktorú bola poškodená strana povinná.</t>
  </si>
  <si>
    <t xml:space="preserve">Zmluvné strany sa zaväzujú oznámiť si navzájom akékoľvek zmeny údajov dôležitých pre bezproblémové plnenie zmluvy, a to najmä údajov uvedených v úvode tejto zmluvy. </t>
  </si>
  <si>
    <t xml:space="preserve">Osobné údaje dotknutých osôb, ktoré sú súčasťou tejto zmluvy sú spracúvané objedn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 </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tejto zmluvy. Zároveň je povinný o tejto povinnosti preukázateľne poučiť aj svojich zamestnancov. Povinnosť zachovávať mlčanlivosť platí aj po skončení trvania zmluvy. V opačnom prípade objednávateľa zodpovedá za škodu, ktorá objednávateľovi vznikla porušením tejto povinnosti.</t>
  </si>
  <si>
    <t>V prípade, ak dodávateľ zabezpečuje časť plnenia predmetu zmluvy prostredníctvom svojich subdodávateľov, zodpovedá za riadne plnenie predmetu zmluvy tak, akoby ho zabezpečil v celom rozsahu sám.</t>
  </si>
  <si>
    <t>Dodávateľ garantuje spôsobilosť subdodávateľov pre plnenie predmetu zmluvy.</t>
  </si>
  <si>
    <t>Dodávateľ má právo na zmenu resp. na doplnenie nového subdodávateľa vo vzťahu k plneniu predmetu zmluvy, ktorého sa táto zmluva týka.</t>
  </si>
  <si>
    <t>Ak dodávateľ zmení, resp. doplní nového subdodávateľa je povinný najneskôr v deň, ktorý predchádza dňu účinnosti tejto zmeny aktualizovať znenie Prílohy č. 2 tejto zmluvy a doručiť ju objednávateľovi spolu s písomným oznámením, v ktorom uvedie všetky podrobnosti týkajúce sa zmeny, resp. doplnenia nového subdodávateľa, pričom zmluvné strany sa zároveň výslovne dohodli, že pre prijatie zmeny, resp. doplnenie nového subdodávateľa sa nevyžaduje uzavretie samostatného písomného dodatku. Nedodržanie povinností stanovených dodávateľom týmto ustanovením zmluvy sa považuje za podstatné porušenie zmluvných podmienok predávajúcim a zakladá právo objednávateľa odstúpiť od tejto zmluvy. Dodávateľ je zároveň povinný nahradiť škodu, ktorá  vznikla objednávateľovi  porušením tejto povinnosti.</t>
  </si>
  <si>
    <t>V prípade zistenia, že subdodávateľ počas trvania tejto zmluvy nie je v súlade s ust. § 11 ods.1 zákona o verejnom obstarávaní zapísaný v registri partnerov verejného sektora (v prípade, ak  je to relevantné), je objednávateľ oprávnený od tejto zmluvy odstúpiť.</t>
  </si>
  <si>
    <t>Dodávateľ je povinný na požiadanie objednávateľa predložiť objednávateľovi všetky zmluvy uzavreté so subdodávateľmi v súvislosti s plnením podľa tejto zmluvy.</t>
  </si>
  <si>
    <t>72000000-5  Služby informačných technológií: konzultácie, vývoj softvéru, internet a podpora</t>
  </si>
  <si>
    <t>služba</t>
  </si>
  <si>
    <t>Podpora, servis a softvérové aktualizácie komplexných softvérových a hardvérových systémov.</t>
  </si>
  <si>
    <t>mesiac</t>
  </si>
  <si>
    <t>Kalkulácia ceny a návrh na plnenie kritéria na vyhodnotenie ponúk - Štruktúrovaný rozpočet ceny predmetu zákazky</t>
  </si>
  <si>
    <t>Nárok na náhradu škody nevzniká oprávnenej strane vtedy, ak povinná strana preukáže, že k porušeniu jej zákonnej alebo zmluvnej povinnosti došlo v dôsledku okolností vylučujúcich zodpovednosť.</t>
  </si>
  <si>
    <t>72261000-2  Softvérové podporné služby</t>
  </si>
  <si>
    <t>web aplikácia pre prenosné zariadenia TomoCon Camera</t>
  </si>
  <si>
    <t>Systém vyhľadávania a zobrazovania vyšetrení pre pacientov a medzi autorizovanými poskytovateľmi zdravotnej starostlivosti</t>
  </si>
  <si>
    <t>Množstvo</t>
  </si>
  <si>
    <t>16.</t>
  </si>
  <si>
    <r>
      <t xml:space="preserve">Uchádzač uvedie informácie, či ním ponúkaný produkt </t>
    </r>
    <r>
      <rPr>
        <b/>
        <u/>
        <sz val="10"/>
        <color theme="1"/>
        <rFont val="Arial"/>
        <family val="2"/>
        <charset val="238"/>
      </rPr>
      <t>spĺňa</t>
    </r>
    <r>
      <rPr>
        <b/>
        <sz val="10"/>
        <color theme="1"/>
        <rFont val="Arial"/>
        <family val="2"/>
        <charset val="238"/>
      </rPr>
      <t xml:space="preserve">, resp. </t>
    </r>
    <r>
      <rPr>
        <b/>
        <u/>
        <sz val="10"/>
        <color theme="1"/>
        <rFont val="Arial"/>
        <family val="2"/>
        <charset val="238"/>
      </rPr>
      <t>nespĺňa</t>
    </r>
    <r>
      <rPr>
        <b/>
        <sz val="10"/>
        <color theme="1"/>
        <rFont val="Arial"/>
        <family val="2"/>
        <charset val="238"/>
      </rPr>
      <t xml:space="preserve">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17.</t>
  </si>
  <si>
    <t>18.</t>
  </si>
  <si>
    <t>19.</t>
  </si>
  <si>
    <t>20.</t>
  </si>
  <si>
    <t>21.</t>
  </si>
  <si>
    <t>22.</t>
  </si>
  <si>
    <t>23.</t>
  </si>
  <si>
    <t>24.</t>
  </si>
  <si>
    <t>25.</t>
  </si>
  <si>
    <t>26.</t>
  </si>
  <si>
    <t>27.</t>
  </si>
  <si>
    <t>28.</t>
  </si>
  <si>
    <t>29.</t>
  </si>
  <si>
    <t>30.</t>
  </si>
  <si>
    <t>31.</t>
  </si>
  <si>
    <t>Objednávateľ zaplatí cenu za služby na základe faktúry vystavenej dodávateľom po dodaní služby. Dodávateľ je povinný vystaviť faktúru za poskytnuté služby v súlade s ustanovením §73 zákona č. 222/2004 Z. z. o dani z pridanej hodnoty.</t>
  </si>
  <si>
    <t>V prípade poskytnutia služieb počas trvania zmluvy v rozsahu kratšom ako je kalendárny mesiac,  je dodávateľ oprávnený fakturovať objednávateľovi iba alikvotnú časť paušálnej odmeny, resp. platby, a to  za  počet kalendárnych dní, počas ktorých skutočne poskytoval dohodnuté služby.</t>
  </si>
  <si>
    <t>Úhradu ceny, resp. mesačných paušálnych odmien, resp. platieb vykoná objednávateľ výlučne bezhotovostne, bankovým prevodom na účet dodávateľa na základe faktúry elektronicky doručenej dodávateľom, a to vždy za riadne a včas poskytnuté plnenie. Dodávateľ je povinný zaslať faktúru elektronicky na e - mailovú adresu: podatelna@vusch.sk. Za deň splnenia peňažného záväzku sa považuje deň odpísania dlžnej sumy z účtu objednávateľa v prospech účtu dodávateľa.</t>
  </si>
  <si>
    <t>Výška paušálnej úhrady za poskytovanie služieb v konfigurácii systému u objednávateľa zahŕňa priemerný mesačný počet vyšetrení: 600 DX, 600 CT, 1000 US, 200 MR.
Zmluvné strany sa dohodli, že v prípade ak počas trvania Zmluvy nedôjde k zvýšeniu počtu vyšetrení podľa tohto bodu Zmluvy o viac ako 5 %, alebo nenastane rozšírenie systému o ďalší typ DICOM modality, ktorý nie je uvedený v tomto bode tejto Zmluvy, výška paušálnej úhrady za poskytovanie služieb podľa tejto zmluvy zostáva zachovaná.</t>
  </si>
  <si>
    <t>Zmluvné strany si vzájomne zodpovedajú za škody vzniknuté v dôsledku porušenia ich povinností vyplývajúce z tejto Zmluvy. Ani jedna zmluvná strana nemá právo na náhradu ušlého zisku.</t>
  </si>
  <si>
    <t>Tá zmluvná strana, ktorá sa odvoláva na okolnosti vylučujúce zodpovednosť, je povinný to oznámiť  druhej  zmluvnej strane najneskôr do piatich (5) kalendárnych dní od vzniku tejto skutočnosti a môže požiadať o prípadnú úpravu podmienok tejto zmluvy. Na požiadanie zmluvnej strany, ktorej boli avizované okolnosti vylučujúce zodpovednosť, je povinný oznamovateľ predložiť hodnoverný dôkaz. Ak nedôjde k dohode, má zmluvná strana, ktorej boli avizované okolnosti vylučujúce zodpovednosť, právo odstúpiť od tejto zmluvy.</t>
  </si>
  <si>
    <t>Zmluvná strana, ktorá porušuje svoju povinnosť alebo ktorá s prihliadnutím na všetky okolnosti má vedieť alebo mohla vedieť, že poruší svoju povinnosť, je povinná oznámiť druhej zmluvnej strane povahu prekážky, ktorá jej bráni alebo bude brániť v plnení jeho povinností, ako aj o jeho dôsledkoch tohto porušenia, a to písomne bez zbytočného odkladu po tom, čo sa o prekážke dozvedel alebo pri náležitej starostlivosti mohla dozvedieť.</t>
  </si>
  <si>
    <t>Zmluvná strana, ktorej bezprostredne hrozí škoda, je povinná s prihliadnutím na okolnosti prípadu vykonať všetky opatrenia na odvrátenie škody alebo na jej zmiernenie. Zmluvná strana, ktorá bezprostrednú hrozbu škody spôsobila, musí nahradiť náklady, ktoré vznikli druhej zmluvnej strane pri odvracaní bezprostredne hroziacej škody alebo pri zmiernení jej následkov.</t>
  </si>
  <si>
    <t xml:space="preserve">Zmluvné strany sa zaväzujú, že: 
a) nevyužijú akékoľvek informácie, ktoré zistia alebo s prihliadnutím na okolnosti by mohli zistiť pri plnení predmetu tejto zmluvy vo svoj prospech, ani v prospech tretích osôb, počas trvania tohto zmluvného vzťahu, a ani po ukončení platnosti tejto zmluvy,
b) informácie a podklady poskytnuté zmluvnými stranami alebo tretími osobami pre plnenie predmetu tejto zmluvy nepoužije na iný účel ako je plnenie tejto zmluvy.
</t>
  </si>
  <si>
    <t>Dodávateľ sa zaväzuje dodržiavať etické zásady objednávateľa uvedené v Etickom kódexe obchodných partnerov spoločnosti Východoslovenský ústav srdcových a cievnych chorôb, a. s. (ďalej len "Etický kódex") zverejnenom na webovom sídle objednávateľa www.vusch.sk , pričom v prípade zistenia, že objednávateľ Etický kódex porušuje, je objednávateľ oprávnený zod tejto zmluvy odstúpiť.</t>
  </si>
  <si>
    <t>Dodávateľ je povinný objednávateľovi oznámiť akúkoľvek zmenu údajov o subdodávateľovi. Za týmto účelom je povinný najneskôr v deň, ktorý predchádza dňu účinnosti akejkoľvek zmeny údajov o subdodávateľovi, aktualizovať znenie prílohy tejto zmluvy – Zoznam známych subdodávateľov a podiel subdodávok a doručiť ju objednávateľovi spolu s písomným oznámením, v ktorom uvedie všetky podrobnosti týkajúce sa zmeny údajov o subdodávateľovi, pričom zmluvné strany sa zároveň výslovne dohodli, že pre prijatie takejto zmeny sa nevyžaduje uzavretie samostatného písomného dodatku.</t>
  </si>
  <si>
    <t>Požaduje sa uzatvorenie zmluvy o poskytnutí služieb na obdobie 48 kalednárnych mesiacov od uzavretia rámcovej dohody, resp. do naplnenia zmluvného finančného objemu, podľa toho, ktorá z uvedených skutočností nastane skôr.</t>
  </si>
  <si>
    <t>V prípade, ak uchádzač neakceptuje niektoré body príslušnej prílohy, priloží navrhovanú úpravu ako samostatný dokument k predloženej cenovej ponuke.</t>
  </si>
  <si>
    <t>"Zmluva o zabezpečení plnenia bezpečnostných opatrení a notifikačných povinností podľa zákona č. 69/2018 Z. z. o kybernetickej bezpečnosti a o zmene a doplnení niektorých zákonov v znení neskorších predpisov"</t>
  </si>
  <si>
    <t>Príloha č. 4 Zmluvy</t>
  </si>
  <si>
    <t xml:space="preserve">Príloha č. 3 Zmluvy </t>
  </si>
  <si>
    <t>"Zmluva o spracúvaní osobných údajov"</t>
  </si>
  <si>
    <t>Príloha č. 5 Zmluvy</t>
  </si>
  <si>
    <t xml:space="preserve"> "Systému vyhľadávania a zobrazovania vyšetrení"</t>
  </si>
  <si>
    <t>Systému vyhľadávania a zobrazovania vyšetrení</t>
  </si>
  <si>
    <t>Zmluva o spracúvaní osobných údajov</t>
  </si>
  <si>
    <t>Zmluva o zabezpečení plnenia bezpečnostných opatrení a notifikačných povinností podľa zákona č. 69/2018 Z. z. o kybernetickej bezpečnosti a o zmene a doplnení niektorých zákonov v znení neskorších predpisov</t>
  </si>
  <si>
    <t>Cena poskytovaných služieb zahŕňa priemerný mesačný počet vyšetrení: 600 DX, 600 CT, 1000 US, 600 XA. 200 MR
Cena paušálnej úhrady ostáva zachovaná, ak počas trvania servisnej zmluvy nedôjde k zvýšeniu počtu vyšetrení podľa tohto bodu o viac ako 10 %, alebo nenastane rozšírenie systému o ďalší typ DICOM modality, ktorý nie je uvedený v tomto bode.</t>
  </si>
  <si>
    <t>i) možnosť archivácie digitálnej obrazovej dokumentácie na CD/DVD s pridaním Lite verzie SW prehliadača na staniciach TomoCon Station s aktuálne podporovanými operačnými systémami Microsoft Windows, aktuálneMS Windows 7 SP1, MS Windows 8.1, MS Windows 10, MS Windows 11  a následnými podporovanými verziami OS,</t>
  </si>
  <si>
    <t>a) správu, archiváciu, zálohovanie a prenos obrazovej zdravotníckej dokumentácie v rámci systému podľa normy STN EN 12052:2017 (DICOM),</t>
  </si>
</sst>
</file>

<file path=xl/styles.xml><?xml version="1.0" encoding="utf-8"?>
<styleSheet xmlns="http://schemas.openxmlformats.org/spreadsheetml/2006/main" xmlns:mc="http://schemas.openxmlformats.org/markup-compatibility/2006" xmlns:x14ac="http://schemas.microsoft.com/office/spreadsheetml/2009/9/ac" mc:Ignorable="x14ac">
  <fonts count="20">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b/>
      <sz val="11"/>
      <color theme="1"/>
      <name val="Arial"/>
      <family val="2"/>
      <charset val="238"/>
    </font>
    <font>
      <sz val="10"/>
      <color theme="1"/>
      <name val="Ara"/>
      <charset val="238"/>
    </font>
    <font>
      <b/>
      <u/>
      <sz val="10"/>
      <color theme="1"/>
      <name val="Arial"/>
      <family val="2"/>
      <charset val="238"/>
    </font>
    <font>
      <sz val="10"/>
      <color rgb="FF000000"/>
      <name val="Arial"/>
      <family val="2"/>
      <charset val="238"/>
    </font>
    <font>
      <sz val="9"/>
      <color rgb="FF000000"/>
      <name val="Arial"/>
      <family val="2"/>
      <charset val="238"/>
    </font>
    <font>
      <i/>
      <sz val="10"/>
      <color theme="1"/>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5" tint="0.39997558519241921"/>
        <bgColor indexed="64"/>
      </patternFill>
    </fill>
    <fill>
      <patternFill patternType="solid">
        <fgColor theme="0"/>
        <bgColor indexed="64"/>
      </patternFill>
    </fill>
  </fills>
  <borders count="7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style="thin">
        <color auto="1"/>
      </bottom>
      <diagonal/>
    </border>
    <border>
      <left/>
      <right style="medium">
        <color auto="1"/>
      </right>
      <top style="thin">
        <color auto="1"/>
      </top>
      <bottom style="thin">
        <color auto="1"/>
      </bottom>
      <diagonal/>
    </border>
    <border>
      <left style="thin">
        <color auto="1"/>
      </left>
      <right style="thin">
        <color auto="1"/>
      </right>
      <top style="thin">
        <color auto="1"/>
      </top>
      <bottom/>
      <diagonal/>
    </border>
    <border>
      <left style="thin">
        <color auto="1"/>
      </left>
      <right/>
      <top style="thin">
        <color auto="1"/>
      </top>
      <bottom/>
      <diagonal/>
    </border>
    <border>
      <left/>
      <right style="medium">
        <color auto="1"/>
      </right>
      <top style="thin">
        <color auto="1"/>
      </top>
      <bottom/>
      <diagonal/>
    </border>
    <border>
      <left style="medium">
        <color auto="1"/>
      </left>
      <right style="thin">
        <color auto="1"/>
      </right>
      <top/>
      <bottom/>
      <diagonal/>
    </border>
    <border>
      <left style="thin">
        <color indexed="64"/>
      </left>
      <right style="medium">
        <color auto="1"/>
      </right>
      <top/>
      <bottom style="medium">
        <color auto="1"/>
      </bottom>
      <diagonal/>
    </border>
    <border>
      <left/>
      <right style="medium">
        <color auto="1"/>
      </right>
      <top style="thin">
        <color auto="1"/>
      </top>
      <bottom style="medium">
        <color indexed="64"/>
      </bottom>
      <diagonal/>
    </border>
    <border>
      <left style="thin">
        <color auto="1"/>
      </left>
      <right style="medium">
        <color auto="1"/>
      </right>
      <top/>
      <bottom style="thin">
        <color auto="1"/>
      </bottom>
      <diagonal/>
    </border>
    <border>
      <left style="thin">
        <color auto="1"/>
      </left>
      <right/>
      <top/>
      <bottom style="medium">
        <color indexed="64"/>
      </bottom>
      <diagonal/>
    </border>
    <border>
      <left/>
      <right style="medium">
        <color auto="1"/>
      </right>
      <top/>
      <bottom style="medium">
        <color indexed="64"/>
      </bottom>
      <diagonal/>
    </border>
    <border>
      <left style="medium">
        <color auto="1"/>
      </left>
      <right style="thin">
        <color indexed="64"/>
      </right>
      <top style="thin">
        <color theme="1"/>
      </top>
      <bottom style="medium">
        <color auto="1"/>
      </bottom>
      <diagonal/>
    </border>
    <border>
      <left style="thin">
        <color auto="1"/>
      </left>
      <right style="medium">
        <color indexed="64"/>
      </right>
      <top style="thin">
        <color auto="1"/>
      </top>
      <bottom style="thin">
        <color theme="1"/>
      </bottom>
      <diagonal/>
    </border>
    <border>
      <left style="thin">
        <color auto="1"/>
      </left>
      <right style="medium">
        <color indexed="64"/>
      </right>
      <top style="thin">
        <color auto="1"/>
      </top>
      <bottom/>
      <diagonal/>
    </border>
    <border>
      <left style="medium">
        <color indexed="64"/>
      </left>
      <right style="thin">
        <color auto="1"/>
      </right>
      <top style="dotted">
        <color theme="1"/>
      </top>
      <bottom style="thin">
        <color auto="1"/>
      </bottom>
      <diagonal/>
    </border>
    <border>
      <left style="thin">
        <color auto="1"/>
      </left>
      <right/>
      <top style="thin">
        <color auto="1"/>
      </top>
      <bottom style="dotted">
        <color theme="1"/>
      </bottom>
      <diagonal/>
    </border>
    <border>
      <left/>
      <right style="medium">
        <color auto="1"/>
      </right>
      <top style="dotted">
        <color theme="1"/>
      </top>
      <bottom style="thin">
        <color auto="1"/>
      </bottom>
      <diagonal/>
    </border>
    <border>
      <left style="thin">
        <color auto="1"/>
      </left>
      <right/>
      <top style="dotted">
        <color theme="1"/>
      </top>
      <bottom style="thin">
        <color auto="1"/>
      </bottom>
      <diagonal/>
    </border>
    <border>
      <left style="medium">
        <color indexed="64"/>
      </left>
      <right style="thin">
        <color auto="1"/>
      </right>
      <top style="dotted">
        <color theme="1"/>
      </top>
      <bottom/>
      <diagonal/>
    </border>
    <border>
      <left style="thin">
        <color auto="1"/>
      </left>
      <right style="medium">
        <color indexed="64"/>
      </right>
      <top style="dotted">
        <color theme="1"/>
      </top>
      <bottom style="dotted">
        <color theme="1"/>
      </bottom>
      <diagonal/>
    </border>
    <border>
      <left style="thin">
        <color auto="1"/>
      </left>
      <right style="medium">
        <color auto="1"/>
      </right>
      <top/>
      <bottom/>
      <diagonal/>
    </border>
    <border>
      <left style="medium">
        <color indexed="64"/>
      </left>
      <right style="thin">
        <color auto="1"/>
      </right>
      <top style="dotted">
        <color theme="1"/>
      </top>
      <bottom style="dotted">
        <color theme="1"/>
      </bottom>
      <diagonal/>
    </border>
    <border>
      <left style="medium">
        <color auto="1"/>
      </left>
      <right style="thin">
        <color auto="1"/>
      </right>
      <top/>
      <bottom style="dotted">
        <color theme="1"/>
      </bottom>
      <diagonal/>
    </border>
    <border>
      <left style="thin">
        <color auto="1"/>
      </left>
      <right/>
      <top style="dotted">
        <color theme="1"/>
      </top>
      <bottom style="dotted">
        <color theme="1"/>
      </bottom>
      <diagonal/>
    </border>
    <border>
      <left style="thin">
        <color auto="1"/>
      </left>
      <right style="thin">
        <color auto="1"/>
      </right>
      <top/>
      <bottom/>
      <diagonal/>
    </border>
    <border>
      <left style="thin">
        <color auto="1"/>
      </left>
      <right style="medium">
        <color indexed="64"/>
      </right>
      <top style="dotted">
        <color theme="1"/>
      </top>
      <bottom/>
      <diagonal/>
    </border>
    <border>
      <left/>
      <right style="medium">
        <color auto="1"/>
      </right>
      <top style="dotted">
        <color theme="1"/>
      </top>
      <bottom style="dotted">
        <color theme="1"/>
      </bottom>
      <diagonal/>
    </border>
    <border>
      <left/>
      <right style="medium">
        <color auto="1"/>
      </right>
      <top style="thin">
        <color auto="1"/>
      </top>
      <bottom style="dotted">
        <color theme="1"/>
      </bottom>
      <diagonal/>
    </border>
    <border>
      <left/>
      <right/>
      <top style="thin">
        <color auto="1"/>
      </top>
      <bottom style="thin">
        <color auto="1"/>
      </bottom>
      <diagonal/>
    </border>
    <border>
      <left style="medium">
        <color indexed="64"/>
      </left>
      <right/>
      <top/>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style="thin">
        <color rgb="FF000000"/>
      </top>
      <bottom/>
      <diagonal/>
    </border>
    <border>
      <left style="thin">
        <color auto="1"/>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medium">
        <color auto="1"/>
      </left>
      <right/>
      <top style="thin">
        <color auto="1"/>
      </top>
      <bottom style="medium">
        <color indexed="64"/>
      </bottom>
      <diagonal/>
    </border>
    <border>
      <left/>
      <right/>
      <top style="thin">
        <color auto="1"/>
      </top>
      <bottom style="medium">
        <color indexed="64"/>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double">
        <color indexed="64"/>
      </top>
      <bottom style="thin">
        <color auto="1"/>
      </bottom>
      <diagonal/>
    </border>
    <border>
      <left style="medium">
        <color auto="1"/>
      </left>
      <right style="thin">
        <color rgb="FF000000"/>
      </right>
      <top style="thin">
        <color auto="1"/>
      </top>
      <bottom style="double">
        <color indexed="64"/>
      </bottom>
      <diagonal/>
    </border>
    <border>
      <left style="thin">
        <color auto="1"/>
      </left>
      <right/>
      <top style="double">
        <color indexed="64"/>
      </top>
      <bottom style="thin">
        <color auto="1"/>
      </bottom>
      <diagonal/>
    </border>
    <border>
      <left/>
      <right style="medium">
        <color auto="1"/>
      </right>
      <top style="double">
        <color indexed="64"/>
      </top>
      <bottom style="thin">
        <color auto="1"/>
      </bottom>
      <diagonal/>
    </border>
    <border>
      <left style="thin">
        <color auto="1"/>
      </left>
      <right style="medium">
        <color indexed="64"/>
      </right>
      <top style="thin">
        <color auto="1"/>
      </top>
      <bottom style="medium">
        <color indexed="64"/>
      </bottom>
      <diagonal/>
    </border>
    <border>
      <left style="medium">
        <color indexed="64"/>
      </left>
      <right/>
      <top/>
      <bottom style="thin">
        <color indexed="64"/>
      </bottom>
      <diagonal/>
    </border>
    <border>
      <left style="thin">
        <color auto="1"/>
      </left>
      <right style="thin">
        <color auto="1"/>
      </right>
      <top/>
      <bottom style="thin">
        <color auto="1"/>
      </bottom>
      <diagonal/>
    </border>
    <border>
      <left style="medium">
        <color indexed="64"/>
      </left>
      <right style="thin">
        <color auto="1"/>
      </right>
      <top style="medium">
        <color indexed="64"/>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8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9" fontId="2" fillId="0" borderId="0" xfId="0" applyNumberFormat="1" applyFont="1" applyFill="1" applyAlignment="1">
      <alignment vertical="center" wrapText="1"/>
    </xf>
    <xf numFmtId="0" fontId="4" fillId="0" borderId="20" xfId="0" applyFont="1" applyFill="1" applyBorder="1" applyAlignment="1">
      <alignment horizontal="left" vertical="center" wrapText="1"/>
    </xf>
    <xf numFmtId="0" fontId="4" fillId="0" borderId="26" xfId="0" applyFont="1" applyFill="1" applyBorder="1" applyAlignment="1">
      <alignment horizontal="left" vertical="center" wrapText="1"/>
    </xf>
    <xf numFmtId="0" fontId="2" fillId="0" borderId="26" xfId="0" applyNumberFormat="1" applyFont="1" applyBorder="1" applyAlignment="1">
      <alignment horizontal="center" vertical="center" wrapText="1"/>
    </xf>
    <xf numFmtId="49" fontId="2" fillId="0" borderId="24" xfId="0" applyNumberFormat="1" applyFont="1" applyFill="1" applyBorder="1" applyAlignment="1">
      <alignment horizontal="center" vertical="center" wrapText="1"/>
    </xf>
    <xf numFmtId="49" fontId="2" fillId="7" borderId="8" xfId="0" applyNumberFormat="1" applyFont="1" applyFill="1" applyBorder="1" applyAlignment="1">
      <alignment horizontal="center" vertical="center" wrapText="1"/>
    </xf>
    <xf numFmtId="0" fontId="2" fillId="0" borderId="10" xfId="0" applyFont="1" applyFill="1" applyBorder="1" applyAlignment="1">
      <alignment vertical="center" wrapText="1"/>
    </xf>
    <xf numFmtId="0" fontId="2" fillId="0" borderId="10" xfId="0" applyFont="1" applyFill="1" applyBorder="1" applyAlignment="1">
      <alignment horizontal="center" vertical="center" wrapText="1"/>
    </xf>
    <xf numFmtId="3" fontId="13" fillId="0" borderId="10" xfId="0" applyNumberFormat="1" applyFont="1" applyFill="1" applyBorder="1" applyAlignment="1">
      <alignment horizontal="center" vertical="center" wrapText="1"/>
    </xf>
    <xf numFmtId="49" fontId="2" fillId="7" borderId="23" xfId="0" applyNumberFormat="1" applyFont="1" applyFill="1" applyBorder="1" applyAlignment="1">
      <alignment horizontal="center" vertical="center" wrapText="1"/>
    </xf>
    <xf numFmtId="0" fontId="2" fillId="0" borderId="0" xfId="0" applyFont="1" applyAlignment="1">
      <alignment horizontal="center" vertical="center" wrapText="1"/>
    </xf>
    <xf numFmtId="0" fontId="2" fillId="0" borderId="32" xfId="0" applyFont="1" applyBorder="1" applyAlignment="1">
      <alignment horizontal="left" vertical="center" wrapText="1"/>
    </xf>
    <xf numFmtId="0" fontId="4" fillId="0" borderId="9" xfId="0" applyFont="1" applyBorder="1" applyAlignment="1">
      <alignment horizontal="left" vertical="center" wrapText="1"/>
    </xf>
    <xf numFmtId="0" fontId="4" fillId="7" borderId="9" xfId="0" applyFont="1" applyFill="1" applyBorder="1" applyAlignment="1">
      <alignment horizontal="left" vertical="center" wrapText="1"/>
    </xf>
    <xf numFmtId="0" fontId="4" fillId="0" borderId="0" xfId="0" applyFont="1" applyFill="1" applyBorder="1" applyAlignment="1">
      <alignment horizontal="left" vertical="center" wrapText="1"/>
    </xf>
    <xf numFmtId="0" fontId="2" fillId="0" borderId="23" xfId="0" applyNumberFormat="1" applyFont="1" applyBorder="1" applyAlignment="1">
      <alignment horizontal="center" vertical="center" wrapText="1"/>
    </xf>
    <xf numFmtId="0" fontId="2" fillId="0" borderId="35" xfId="0" applyNumberFormat="1" applyFont="1" applyBorder="1" applyAlignment="1">
      <alignment horizontal="center" vertical="center" wrapText="1"/>
    </xf>
    <xf numFmtId="49" fontId="2" fillId="7" borderId="35" xfId="0" applyNumberFormat="1" applyFont="1" applyFill="1" applyBorder="1" applyAlignment="1">
      <alignment horizontal="center" vertical="center" wrapText="1"/>
    </xf>
    <xf numFmtId="0" fontId="2" fillId="0" borderId="37" xfId="0" applyFont="1" applyBorder="1" applyAlignment="1">
      <alignment horizontal="left" vertical="center" wrapText="1"/>
    </xf>
    <xf numFmtId="0" fontId="2" fillId="0" borderId="38" xfId="0" applyNumberFormat="1" applyFont="1" applyBorder="1" applyAlignment="1">
      <alignment horizontal="center" vertical="center" wrapText="1"/>
    </xf>
    <xf numFmtId="0" fontId="2" fillId="0" borderId="42" xfId="0" applyNumberFormat="1" applyFont="1" applyBorder="1" applyAlignment="1">
      <alignment horizontal="center" vertical="center" wrapText="1"/>
    </xf>
    <xf numFmtId="0" fontId="2" fillId="0" borderId="43" xfId="0" applyFont="1" applyBorder="1" applyAlignment="1">
      <alignment horizontal="left" vertical="center" wrapText="1"/>
    </xf>
    <xf numFmtId="0" fontId="2" fillId="0" borderId="44" xfId="0" applyFont="1" applyBorder="1" applyAlignment="1">
      <alignment horizontal="left" vertical="center" wrapText="1"/>
    </xf>
    <xf numFmtId="0" fontId="2" fillId="0" borderId="46" xfId="0" applyNumberFormat="1" applyFont="1" applyBorder="1" applyAlignment="1">
      <alignment horizontal="center" vertical="center" wrapText="1"/>
    </xf>
    <xf numFmtId="0" fontId="2" fillId="0" borderId="45" xfId="0" applyNumberFormat="1" applyFont="1" applyBorder="1" applyAlignment="1">
      <alignment horizontal="center" vertical="center" wrapText="1"/>
    </xf>
    <xf numFmtId="0" fontId="2" fillId="0" borderId="48" xfId="0" applyNumberFormat="1" applyFont="1" applyBorder="1" applyAlignment="1">
      <alignment horizontal="center" vertical="center" wrapText="1"/>
    </xf>
    <xf numFmtId="0" fontId="2" fillId="0" borderId="49" xfId="0" applyFont="1" applyBorder="1" applyAlignment="1">
      <alignment horizontal="left" vertical="center" wrapText="1"/>
    </xf>
    <xf numFmtId="0" fontId="4" fillId="0" borderId="32" xfId="0" applyFont="1" applyBorder="1" applyAlignment="1">
      <alignment horizontal="left" vertical="center" wrapText="1"/>
    </xf>
    <xf numFmtId="0" fontId="2" fillId="0" borderId="36" xfId="0" applyFont="1" applyBorder="1" applyAlignment="1">
      <alignment horizontal="left" vertical="center" wrapText="1"/>
    </xf>
    <xf numFmtId="0" fontId="17" fillId="0" borderId="54" xfId="0" applyFont="1" applyFill="1" applyBorder="1" applyAlignment="1">
      <alignment horizontal="left" vertical="center" wrapText="1"/>
    </xf>
    <xf numFmtId="0" fontId="4" fillId="0" borderId="54" xfId="0" applyFont="1" applyFill="1" applyBorder="1" applyAlignment="1">
      <alignment horizontal="left" vertical="center" wrapText="1"/>
    </xf>
    <xf numFmtId="0" fontId="17" fillId="0" borderId="54" xfId="0" applyFont="1" applyBorder="1" applyAlignment="1">
      <alignment horizontal="justify" vertical="center"/>
    </xf>
    <xf numFmtId="0" fontId="17" fillId="0" borderId="55"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25" xfId="0" applyFont="1" applyFill="1" applyBorder="1" applyAlignment="1">
      <alignment horizontal="center" vertical="center" wrapText="1"/>
    </xf>
    <xf numFmtId="49" fontId="2" fillId="0" borderId="23" xfId="0" applyNumberFormat="1" applyFont="1" applyFill="1" applyBorder="1" applyAlignment="1">
      <alignment horizontal="center" vertical="center" wrapText="1"/>
    </xf>
    <xf numFmtId="49" fontId="2" fillId="0" borderId="24" xfId="0" applyNumberFormat="1" applyFont="1" applyFill="1" applyBorder="1" applyAlignment="1">
      <alignment horizontal="center" vertical="center" wrapText="1"/>
    </xf>
    <xf numFmtId="0" fontId="2" fillId="0" borderId="5" xfId="0" applyNumberFormat="1" applyFont="1" applyBorder="1" applyAlignment="1">
      <alignment vertical="center" wrapText="1"/>
    </xf>
    <xf numFmtId="0" fontId="2" fillId="0" borderId="52" xfId="0" applyNumberFormat="1" applyFont="1" applyBorder="1" applyAlignment="1">
      <alignment vertical="center" wrapText="1"/>
    </xf>
    <xf numFmtId="0" fontId="2" fillId="0" borderId="25" xfId="0" applyNumberFormat="1" applyFont="1" applyBorder="1" applyAlignment="1">
      <alignment vertical="center" wrapText="1"/>
    </xf>
    <xf numFmtId="49" fontId="2" fillId="2" borderId="56" xfId="0" applyNumberFormat="1"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25" xfId="0" applyFont="1" applyFill="1" applyBorder="1" applyAlignment="1">
      <alignment horizontal="center" vertical="center" wrapText="1"/>
    </xf>
    <xf numFmtId="0" fontId="2" fillId="0" borderId="0" xfId="0" applyFont="1" applyAlignment="1">
      <alignment horizontal="left"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5" fillId="5" borderId="21" xfId="0" applyNumberFormat="1"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0" borderId="47" xfId="0" applyNumberFormat="1" applyFont="1" applyBorder="1" applyAlignment="1">
      <alignment horizontal="center" vertical="center" wrapText="1"/>
    </xf>
    <xf numFmtId="49" fontId="2" fillId="0" borderId="50"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5" xfId="0" applyNumberFormat="1" applyFont="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4" fillId="0" borderId="0" xfId="0" applyFont="1" applyAlignment="1">
      <alignment horizontal="left" vertical="top"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4" fillId="0" borderId="0" xfId="0" applyNumberFormat="1" applyFont="1" applyFill="1" applyAlignment="1">
      <alignment horizontal="left" vertical="top" wrapText="1"/>
    </xf>
    <xf numFmtId="49" fontId="3" fillId="2" borderId="53"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49" fontId="2" fillId="2" borderId="57" xfId="0" applyNumberFormat="1" applyFont="1" applyFill="1" applyBorder="1" applyAlignment="1">
      <alignment horizontal="center" vertical="center" wrapText="1"/>
    </xf>
    <xf numFmtId="49" fontId="2" fillId="2" borderId="58" xfId="0" applyNumberFormat="1" applyFont="1" applyFill="1" applyBorder="1" applyAlignment="1">
      <alignment horizontal="center" vertical="center" wrapText="1"/>
    </xf>
    <xf numFmtId="0" fontId="2" fillId="0" borderId="23" xfId="0" applyFont="1" applyBorder="1" applyAlignment="1">
      <alignment horizontal="center" vertical="center"/>
    </xf>
    <xf numFmtId="0" fontId="2" fillId="0" borderId="29" xfId="0" applyFont="1" applyBorder="1" applyAlignment="1">
      <alignment horizontal="center" vertical="center"/>
    </xf>
    <xf numFmtId="49" fontId="2" fillId="0" borderId="23" xfId="0" applyNumberFormat="1" applyFont="1" applyFill="1" applyBorder="1" applyAlignment="1">
      <alignment horizontal="center" vertical="center" wrapText="1"/>
    </xf>
    <xf numFmtId="49" fontId="2" fillId="0" borderId="29" xfId="0" applyNumberFormat="1" applyFont="1" applyFill="1" applyBorder="1" applyAlignment="1">
      <alignment horizontal="center" vertical="center" wrapText="1"/>
    </xf>
    <xf numFmtId="49" fontId="2" fillId="0" borderId="24" xfId="0" applyNumberFormat="1" applyFont="1" applyFill="1" applyBorder="1" applyAlignment="1">
      <alignment horizontal="center" vertical="center" wrapText="1"/>
    </xf>
    <xf numFmtId="49" fontId="2" fillId="7" borderId="23" xfId="0" applyNumberFormat="1" applyFont="1" applyFill="1" applyBorder="1" applyAlignment="1">
      <alignment horizontal="center" vertical="center" wrapText="1"/>
    </xf>
    <xf numFmtId="49" fontId="2" fillId="7" borderId="29" xfId="0" applyNumberFormat="1" applyFont="1" applyFill="1" applyBorder="1" applyAlignment="1">
      <alignment horizontal="center" vertical="center" wrapText="1"/>
    </xf>
    <xf numFmtId="49" fontId="2" fillId="7" borderId="24" xfId="0" applyNumberFormat="1" applyFont="1" applyFill="1" applyBorder="1" applyAlignment="1">
      <alignment horizontal="center" vertical="center" wrapText="1"/>
    </xf>
    <xf numFmtId="49" fontId="2" fillId="0" borderId="41" xfId="0" applyNumberFormat="1" applyFont="1" applyBorder="1" applyAlignment="1">
      <alignment horizontal="center" vertical="center" wrapText="1"/>
    </xf>
    <xf numFmtId="49" fontId="2" fillId="0" borderId="40" xfId="0" applyNumberFormat="1" applyFont="1" applyBorder="1" applyAlignment="1">
      <alignment horizontal="center" vertical="center" wrapText="1"/>
    </xf>
    <xf numFmtId="49" fontId="2" fillId="0" borderId="39" xfId="0" applyNumberFormat="1" applyFont="1" applyBorder="1" applyAlignment="1">
      <alignment horizontal="center" vertical="center" wrapText="1"/>
    </xf>
    <xf numFmtId="49" fontId="2" fillId="0" borderId="51" xfId="0" applyNumberFormat="1" applyFont="1" applyBorder="1" applyAlignment="1">
      <alignment horizontal="center" vertical="center" wrapText="1"/>
    </xf>
    <xf numFmtId="49" fontId="2" fillId="0" borderId="27"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49" fontId="2" fillId="0" borderId="33" xfId="0" applyNumberFormat="1" applyFont="1" applyBorder="1" applyAlignment="1">
      <alignment horizontal="center" vertical="center" wrapText="1"/>
    </xf>
    <xf numFmtId="49" fontId="2" fillId="0" borderId="34" xfId="0" applyNumberFormat="1" applyFont="1" applyBorder="1" applyAlignment="1">
      <alignment horizontal="center" vertical="center" wrapText="1"/>
    </xf>
    <xf numFmtId="0" fontId="14" fillId="6" borderId="1" xfId="0" applyFont="1" applyFill="1" applyBorder="1" applyAlignment="1">
      <alignment horizontal="center" vertical="center"/>
    </xf>
    <xf numFmtId="0" fontId="14" fillId="6" borderId="13" xfId="0" applyFont="1" applyFill="1" applyBorder="1" applyAlignment="1">
      <alignment horizontal="center" vertical="center"/>
    </xf>
    <xf numFmtId="0" fontId="14" fillId="6" borderId="2" xfId="0" applyFont="1" applyFill="1" applyBorder="1" applyAlignment="1">
      <alignment horizontal="center" vertical="center"/>
    </xf>
    <xf numFmtId="0" fontId="2" fillId="0" borderId="28" xfId="0" applyFont="1" applyFill="1" applyBorder="1" applyAlignment="1">
      <alignment horizontal="center" vertical="center" wrapText="1"/>
    </xf>
    <xf numFmtId="49" fontId="19" fillId="0" borderId="23" xfId="0" applyNumberFormat="1" applyFont="1" applyFill="1" applyBorder="1" applyAlignment="1">
      <alignment horizontal="right" vertical="center" wrapText="1"/>
    </xf>
    <xf numFmtId="0" fontId="2" fillId="0" borderId="27" xfId="0" applyFont="1" applyFill="1" applyBorder="1" applyAlignment="1">
      <alignment horizontal="center" vertical="center" wrapText="1"/>
    </xf>
    <xf numFmtId="0" fontId="2" fillId="0" borderId="28" xfId="0" applyFont="1" applyFill="1" applyBorder="1" applyAlignment="1">
      <alignment horizontal="center" vertical="center" wrapText="1"/>
    </xf>
    <xf numFmtId="49" fontId="19" fillId="0" borderId="29" xfId="0" applyNumberFormat="1" applyFont="1" applyFill="1" applyBorder="1" applyAlignment="1">
      <alignment horizontal="left" vertical="center" wrapText="1"/>
    </xf>
    <xf numFmtId="0" fontId="4" fillId="0" borderId="63" xfId="0" applyFont="1" applyFill="1" applyBorder="1" applyAlignment="1">
      <alignment horizontal="left" vertical="center" wrapText="1"/>
    </xf>
    <xf numFmtId="49" fontId="2" fillId="0" borderId="64" xfId="0" applyNumberFormat="1" applyFont="1" applyFill="1" applyBorder="1" applyAlignment="1">
      <alignment horizontal="center" vertical="center" wrapText="1"/>
    </xf>
    <xf numFmtId="0" fontId="2" fillId="0" borderId="63" xfId="0" applyNumberFormat="1" applyFont="1" applyBorder="1" applyAlignment="1">
      <alignment horizontal="center" vertical="center" wrapText="1"/>
    </xf>
    <xf numFmtId="0" fontId="2" fillId="0" borderId="65" xfId="0" applyFont="1" applyFill="1" applyBorder="1" applyAlignment="1">
      <alignment horizontal="center" vertical="center" wrapText="1"/>
    </xf>
    <xf numFmtId="0" fontId="2" fillId="0" borderId="66" xfId="0" applyFont="1" applyFill="1" applyBorder="1" applyAlignment="1">
      <alignment horizontal="center" vertical="center" wrapText="1"/>
    </xf>
    <xf numFmtId="0" fontId="2" fillId="0" borderId="0" xfId="0" applyFont="1" applyBorder="1" applyAlignment="1">
      <alignment vertical="top" wrapText="1"/>
    </xf>
    <xf numFmtId="0" fontId="18" fillId="0" borderId="0" xfId="0" applyFont="1" applyBorder="1" applyAlignment="1">
      <alignment horizontal="justify" vertical="center"/>
    </xf>
    <xf numFmtId="0" fontId="19" fillId="0" borderId="59" xfId="0" applyFont="1" applyBorder="1" applyAlignment="1">
      <alignment horizontal="center" vertical="center" wrapText="1"/>
    </xf>
    <xf numFmtId="0" fontId="19" fillId="0" borderId="60" xfId="0" applyFont="1" applyBorder="1" applyAlignment="1">
      <alignment horizontal="center" vertical="center" wrapText="1"/>
    </xf>
    <xf numFmtId="0" fontId="19" fillId="0" borderId="31" xfId="0" applyFont="1" applyBorder="1" applyAlignment="1">
      <alignment horizontal="center" vertical="center" wrapText="1"/>
    </xf>
    <xf numFmtId="0" fontId="2" fillId="0" borderId="20" xfId="0" applyFont="1" applyFill="1" applyBorder="1" applyAlignment="1">
      <alignment horizontal="left" vertical="center" wrapText="1"/>
    </xf>
    <xf numFmtId="0" fontId="2" fillId="0" borderId="67" xfId="0" applyFont="1" applyFill="1" applyBorder="1" applyAlignment="1">
      <alignment horizontal="left" vertical="center" wrapText="1"/>
    </xf>
    <xf numFmtId="49" fontId="19" fillId="0" borderId="0" xfId="0" applyNumberFormat="1" applyFont="1" applyFill="1" applyBorder="1" applyAlignment="1">
      <alignment horizontal="left" vertical="center" wrapText="1"/>
    </xf>
    <xf numFmtId="49" fontId="19" fillId="0" borderId="0" xfId="0" applyNumberFormat="1" applyFont="1" applyFill="1" applyBorder="1" applyAlignment="1">
      <alignment horizontal="right"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15" fillId="0" borderId="68" xfId="0" applyFont="1" applyBorder="1" applyAlignment="1">
      <alignment horizontal="center" vertical="center"/>
    </xf>
    <xf numFmtId="0" fontId="2" fillId="0" borderId="69" xfId="0" applyNumberFormat="1" applyFont="1" applyBorder="1" applyAlignment="1">
      <alignment horizontal="center" vertical="center" wrapText="1"/>
    </xf>
    <xf numFmtId="49" fontId="2" fillId="0" borderId="61" xfId="0" applyNumberFormat="1" applyFont="1" applyBorder="1" applyAlignment="1">
      <alignment horizontal="center" vertical="center" wrapText="1"/>
    </xf>
    <xf numFmtId="49" fontId="2" fillId="0" borderId="62" xfId="0" applyNumberFormat="1" applyFont="1" applyBorder="1" applyAlignment="1">
      <alignment horizontal="center" vertical="center" wrapText="1"/>
    </xf>
    <xf numFmtId="49" fontId="5" fillId="5" borderId="70" xfId="0" applyNumberFormat="1"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32"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I163"/>
  <sheetViews>
    <sheetView showGridLines="0" tabSelected="1" zoomScaleNormal="100" workbookViewId="0">
      <selection activeCell="B1" sqref="B1:F1"/>
    </sheetView>
  </sheetViews>
  <sheetFormatPr defaultRowHeight="12.75"/>
  <cols>
    <col min="1" max="1" width="1.85546875" style="1" customWidth="1"/>
    <col min="2" max="2" width="16.85546875" style="1" customWidth="1"/>
    <col min="3" max="3" width="70.42578125" style="1" customWidth="1"/>
    <col min="4" max="4" width="16.42578125" style="8" customWidth="1"/>
    <col min="5" max="5" width="13.7109375" style="8" customWidth="1"/>
    <col min="6" max="6" width="33.28515625" style="2" customWidth="1"/>
    <col min="7" max="7" width="17.140625" style="1" customWidth="1"/>
    <col min="8" max="8" width="9.140625" style="1"/>
    <col min="9" max="9" width="9.140625" style="1" customWidth="1"/>
    <col min="10" max="16384" width="9.140625" style="1"/>
  </cols>
  <sheetData>
    <row r="1" spans="2:6" ht="24" customHeight="1">
      <c r="B1" s="129" t="s">
        <v>43</v>
      </c>
      <c r="C1" s="129"/>
      <c r="D1" s="129"/>
      <c r="E1" s="129"/>
      <c r="F1" s="129"/>
    </row>
    <row r="2" spans="2:6" ht="27.75" customHeight="1">
      <c r="B2" s="128" t="s">
        <v>41</v>
      </c>
      <c r="C2" s="128"/>
      <c r="D2" s="128"/>
      <c r="E2" s="128"/>
      <c r="F2" s="128"/>
    </row>
    <row r="3" spans="2:6" ht="54.75" customHeight="1">
      <c r="B3" s="131" t="s">
        <v>47</v>
      </c>
      <c r="C3" s="131"/>
      <c r="D3" s="131"/>
      <c r="E3" s="131"/>
      <c r="F3" s="131"/>
    </row>
    <row r="4" spans="2:6" ht="24.95" customHeight="1">
      <c r="B4" s="41" t="s">
        <v>46</v>
      </c>
      <c r="C4" s="42"/>
      <c r="D4" s="38"/>
      <c r="E4" s="38"/>
      <c r="F4" s="38"/>
    </row>
    <row r="5" spans="2:6" ht="24.95" customHeight="1">
      <c r="B5" s="41" t="s">
        <v>44</v>
      </c>
      <c r="C5" s="43"/>
      <c r="D5" s="38"/>
      <c r="E5" s="38"/>
      <c r="F5" s="38"/>
    </row>
    <row r="6" spans="2:6" ht="5.0999999999999996" customHeight="1">
      <c r="B6" s="38"/>
      <c r="C6" s="38"/>
      <c r="D6" s="38"/>
      <c r="E6" s="38"/>
      <c r="F6" s="38"/>
    </row>
    <row r="7" spans="2:6" s="2" customFormat="1" ht="20.100000000000001" customHeight="1">
      <c r="B7" s="108" t="s">
        <v>4</v>
      </c>
      <c r="C7" s="108"/>
      <c r="D7" s="108"/>
      <c r="E7" s="108"/>
      <c r="F7" s="108"/>
    </row>
    <row r="8" spans="2:6" s="2" customFormat="1" ht="20.100000000000001" customHeight="1">
      <c r="B8" s="132" t="s">
        <v>8</v>
      </c>
      <c r="C8" s="132"/>
      <c r="D8" s="132"/>
      <c r="E8" s="132"/>
      <c r="F8" s="132"/>
    </row>
    <row r="9" spans="2:6" ht="15.75" customHeight="1">
      <c r="B9" s="135" t="s">
        <v>79</v>
      </c>
      <c r="C9" s="135"/>
      <c r="D9" s="135"/>
      <c r="E9" s="134"/>
      <c r="F9" s="134"/>
    </row>
    <row r="10" spans="2:6" ht="4.5" customHeight="1">
      <c r="B10" s="40"/>
      <c r="C10" s="40"/>
      <c r="D10" s="40"/>
      <c r="E10" s="40"/>
      <c r="F10" s="40"/>
    </row>
    <row r="11" spans="2:6" s="2" customFormat="1" ht="20.100000000000001" customHeight="1">
      <c r="B11" s="133" t="s">
        <v>9</v>
      </c>
      <c r="C11" s="133"/>
      <c r="D11" s="133"/>
      <c r="E11" s="133"/>
      <c r="F11" s="133"/>
    </row>
    <row r="12" spans="2:6" s="2" customFormat="1" ht="20.100000000000001" customHeight="1">
      <c r="B12" s="134" t="s">
        <v>127</v>
      </c>
      <c r="C12" s="134"/>
      <c r="D12" s="134"/>
      <c r="E12" s="44"/>
      <c r="F12" s="44"/>
    </row>
    <row r="13" spans="2:6" s="3" customFormat="1" ht="20.100000000000001" customHeight="1">
      <c r="B13" s="134" t="s">
        <v>133</v>
      </c>
      <c r="C13" s="134"/>
      <c r="D13" s="134"/>
      <c r="E13" s="18"/>
      <c r="F13" s="19"/>
    </row>
    <row r="14" spans="2:6" ht="4.5" customHeight="1">
      <c r="B14" s="45"/>
      <c r="C14" s="45"/>
      <c r="D14" s="45"/>
      <c r="E14" s="40"/>
      <c r="F14" s="40"/>
    </row>
    <row r="15" spans="2:6" ht="20.100000000000001" customHeight="1">
      <c r="B15" s="39" t="s">
        <v>10</v>
      </c>
      <c r="C15" s="20"/>
      <c r="D15" s="20"/>
      <c r="E15" s="21"/>
      <c r="F15" s="21"/>
    </row>
    <row r="16" spans="2:6" s="3" customFormat="1" ht="18" customHeight="1">
      <c r="B16" s="130" t="s">
        <v>128</v>
      </c>
      <c r="C16" s="130"/>
      <c r="D16" s="130"/>
      <c r="E16" s="18"/>
      <c r="F16" s="19"/>
    </row>
    <row r="17" spans="2:9" ht="5.0999999999999996" customHeight="1">
      <c r="B17" s="93"/>
      <c r="C17" s="93"/>
      <c r="D17" s="93"/>
      <c r="F17" s="15"/>
    </row>
    <row r="18" spans="2:9" s="2" customFormat="1" ht="20.100000000000001" customHeight="1">
      <c r="B18" s="108" t="s">
        <v>22</v>
      </c>
      <c r="C18" s="108"/>
      <c r="D18" s="108"/>
      <c r="E18" s="108"/>
      <c r="F18" s="108"/>
    </row>
    <row r="19" spans="2:9" ht="19.5" customHeight="1">
      <c r="B19" s="135" t="s">
        <v>129</v>
      </c>
      <c r="C19" s="135"/>
      <c r="D19" s="135"/>
      <c r="E19" s="135"/>
      <c r="F19" s="135"/>
    </row>
    <row r="20" spans="2:9" ht="5.0999999999999996" customHeight="1">
      <c r="B20" s="93"/>
      <c r="C20" s="93"/>
      <c r="D20" s="93"/>
      <c r="F20" s="15"/>
    </row>
    <row r="21" spans="2:9" s="2" customFormat="1" ht="20.100000000000001" customHeight="1">
      <c r="B21" s="108" t="s">
        <v>23</v>
      </c>
      <c r="C21" s="108"/>
      <c r="D21" s="108"/>
      <c r="E21" s="108"/>
      <c r="F21" s="108"/>
    </row>
    <row r="22" spans="2:9" s="9" customFormat="1" ht="20.100000000000001" customHeight="1">
      <c r="B22" s="103" t="s">
        <v>5</v>
      </c>
      <c r="C22" s="103"/>
      <c r="D22" s="103"/>
      <c r="E22" s="103"/>
      <c r="F22" s="103"/>
    </row>
    <row r="23" spans="2:9" s="9" customFormat="1" ht="20.100000000000001" customHeight="1">
      <c r="B23" s="106" t="s">
        <v>16</v>
      </c>
      <c r="C23" s="107"/>
      <c r="D23" s="14"/>
      <c r="E23" s="14"/>
      <c r="F23" s="14"/>
    </row>
    <row r="24" spans="2:9" s="9" customFormat="1" ht="20.100000000000001" customHeight="1">
      <c r="B24" s="13"/>
      <c r="C24" s="13" t="s">
        <v>20</v>
      </c>
      <c r="D24" s="14"/>
      <c r="E24" s="14"/>
      <c r="F24" s="14"/>
    </row>
    <row r="25" spans="2:9" s="9" customFormat="1" ht="20.100000000000001" customHeight="1">
      <c r="B25" s="13"/>
      <c r="C25" s="13" t="s">
        <v>21</v>
      </c>
      <c r="D25" s="14"/>
      <c r="E25" s="14"/>
      <c r="F25" s="14"/>
    </row>
    <row r="26" spans="2:9" s="9" customFormat="1" ht="20.100000000000001" customHeight="1">
      <c r="B26" s="106" t="s">
        <v>17</v>
      </c>
      <c r="C26" s="107"/>
      <c r="D26" s="14"/>
      <c r="E26" s="14"/>
      <c r="F26" s="14"/>
    </row>
    <row r="27" spans="2:9" s="9" customFormat="1" ht="31.5" customHeight="1">
      <c r="B27" s="16" t="s">
        <v>18</v>
      </c>
      <c r="C27" s="104" t="s">
        <v>12</v>
      </c>
      <c r="D27" s="105"/>
      <c r="E27" s="17" t="s">
        <v>11</v>
      </c>
      <c r="F27" s="17" t="s">
        <v>136</v>
      </c>
    </row>
    <row r="28" spans="2:9" s="9" customFormat="1" ht="24.95" customHeight="1">
      <c r="B28" s="56" t="s">
        <v>1</v>
      </c>
      <c r="C28" s="113" t="s">
        <v>79</v>
      </c>
      <c r="D28" s="114"/>
      <c r="E28" s="57" t="s">
        <v>130</v>
      </c>
      <c r="F28" s="58">
        <v>48</v>
      </c>
      <c r="I28" s="50"/>
    </row>
    <row r="29" spans="2:9" s="9" customFormat="1" ht="4.5" customHeight="1">
      <c r="B29" s="14"/>
      <c r="C29" s="14"/>
      <c r="D29" s="14"/>
      <c r="E29" s="14"/>
      <c r="F29" s="14"/>
    </row>
    <row r="30" spans="2:9" s="9" customFormat="1" ht="20.100000000000001" customHeight="1">
      <c r="B30" s="106" t="s">
        <v>19</v>
      </c>
      <c r="C30" s="107"/>
      <c r="D30" s="14"/>
      <c r="E30" s="14"/>
      <c r="F30" s="14"/>
    </row>
    <row r="31" spans="2:9" s="9" customFormat="1" ht="20.100000000000001" customHeight="1">
      <c r="B31" s="10"/>
      <c r="C31" s="9" t="s">
        <v>2</v>
      </c>
      <c r="D31" s="14"/>
      <c r="E31" s="14"/>
      <c r="F31" s="14"/>
    </row>
    <row r="32" spans="2:9" s="9" customFormat="1" ht="20.100000000000001" customHeight="1">
      <c r="B32" s="13"/>
      <c r="C32" s="2" t="s">
        <v>3</v>
      </c>
      <c r="D32" s="14"/>
      <c r="E32" s="14"/>
      <c r="F32" s="14"/>
    </row>
    <row r="33" spans="2:7" ht="5.0999999999999996" customHeight="1"/>
    <row r="34" spans="2:7" s="2" customFormat="1" ht="20.100000000000001" customHeight="1">
      <c r="B34" s="108" t="s">
        <v>24</v>
      </c>
      <c r="C34" s="108"/>
      <c r="D34" s="108"/>
      <c r="E34" s="108"/>
      <c r="F34" s="108"/>
    </row>
    <row r="35" spans="2:7" s="2" customFormat="1" ht="5.0999999999999996" customHeight="1" thickBot="1">
      <c r="B35" s="15"/>
      <c r="D35" s="6"/>
      <c r="E35" s="6"/>
      <c r="F35" s="6"/>
    </row>
    <row r="36" spans="2:7" s="3" customFormat="1" ht="73.5" customHeight="1">
      <c r="B36" s="109" t="s">
        <v>0</v>
      </c>
      <c r="C36" s="110"/>
      <c r="D36" s="94" t="s">
        <v>138</v>
      </c>
      <c r="E36" s="95"/>
      <c r="F36" s="96"/>
      <c r="G36" s="22"/>
    </row>
    <row r="37" spans="2:7" s="3" customFormat="1" ht="30" customHeight="1" thickBot="1">
      <c r="B37" s="111"/>
      <c r="C37" s="112"/>
      <c r="D37" s="23" t="s">
        <v>25</v>
      </c>
      <c r="E37" s="101" t="s">
        <v>26</v>
      </c>
      <c r="F37" s="102"/>
    </row>
    <row r="38" spans="2:7" s="24" customFormat="1" ht="30.75" customHeight="1">
      <c r="B38" s="184" t="s">
        <v>53</v>
      </c>
      <c r="C38" s="99"/>
      <c r="D38" s="99"/>
      <c r="E38" s="99"/>
      <c r="F38" s="100"/>
    </row>
    <row r="39" spans="2:7" s="4" customFormat="1" ht="61.5" customHeight="1">
      <c r="B39" s="180" t="s">
        <v>52</v>
      </c>
      <c r="C39" s="61" t="s">
        <v>81</v>
      </c>
      <c r="D39" s="181"/>
      <c r="E39" s="182"/>
      <c r="F39" s="183"/>
    </row>
    <row r="40" spans="2:7" s="4" customFormat="1" ht="33" customHeight="1">
      <c r="B40" s="140" t="s">
        <v>51</v>
      </c>
      <c r="C40" s="68" t="s">
        <v>82</v>
      </c>
      <c r="D40" s="53"/>
      <c r="E40" s="150"/>
      <c r="F40" s="151"/>
    </row>
    <row r="41" spans="2:7" s="4" customFormat="1" ht="25.5">
      <c r="B41" s="141"/>
      <c r="C41" s="71" t="s">
        <v>83</v>
      </c>
      <c r="D41" s="70"/>
      <c r="E41" s="115"/>
      <c r="F41" s="116"/>
    </row>
    <row r="42" spans="2:7" s="4" customFormat="1" ht="24.95" customHeight="1">
      <c r="B42" s="141"/>
      <c r="C42" s="71" t="s">
        <v>84</v>
      </c>
      <c r="D42" s="74"/>
      <c r="E42" s="115"/>
      <c r="F42" s="116"/>
    </row>
    <row r="43" spans="2:7" s="4" customFormat="1" ht="24.95" customHeight="1">
      <c r="B43" s="141"/>
      <c r="C43" s="72" t="s">
        <v>85</v>
      </c>
      <c r="D43" s="73"/>
      <c r="E43" s="115"/>
      <c r="F43" s="116"/>
    </row>
    <row r="44" spans="2:7" s="4" customFormat="1" ht="24.95" customHeight="1">
      <c r="B44" s="141"/>
      <c r="C44" s="186" t="s">
        <v>134</v>
      </c>
      <c r="D44" s="75"/>
      <c r="E44" s="115"/>
      <c r="F44" s="116"/>
    </row>
    <row r="45" spans="2:7" s="4" customFormat="1" ht="33" customHeight="1">
      <c r="B45" s="141"/>
      <c r="C45" s="187" t="s">
        <v>135</v>
      </c>
      <c r="D45" s="74"/>
      <c r="E45" s="115"/>
      <c r="F45" s="116"/>
    </row>
    <row r="46" spans="2:7" s="4" customFormat="1" ht="33" customHeight="1">
      <c r="B46" s="142" t="s">
        <v>54</v>
      </c>
      <c r="C46" s="68" t="s">
        <v>65</v>
      </c>
      <c r="D46" s="73"/>
      <c r="E46" s="115"/>
      <c r="F46" s="116"/>
    </row>
    <row r="47" spans="2:7" s="4" customFormat="1" ht="33" customHeight="1">
      <c r="B47" s="143"/>
      <c r="C47" s="76" t="s">
        <v>178</v>
      </c>
      <c r="D47" s="75"/>
      <c r="E47" s="115"/>
      <c r="F47" s="116"/>
    </row>
    <row r="48" spans="2:7" s="4" customFormat="1" ht="33" customHeight="1">
      <c r="B48" s="143"/>
      <c r="C48" s="76" t="s">
        <v>66</v>
      </c>
      <c r="D48" s="74"/>
      <c r="E48" s="115"/>
      <c r="F48" s="116"/>
    </row>
    <row r="49" spans="2:6" s="4" customFormat="1" ht="40.5" customHeight="1">
      <c r="B49" s="143"/>
      <c r="C49" s="76" t="s">
        <v>67</v>
      </c>
      <c r="D49" s="75"/>
      <c r="E49" s="115"/>
      <c r="F49" s="116"/>
    </row>
    <row r="50" spans="2:6" s="4" customFormat="1" ht="74.25" customHeight="1">
      <c r="B50" s="143"/>
      <c r="C50" s="76" t="s">
        <v>68</v>
      </c>
      <c r="D50" s="74"/>
      <c r="E50" s="115"/>
      <c r="F50" s="116"/>
    </row>
    <row r="51" spans="2:6" s="4" customFormat="1" ht="66.75" customHeight="1">
      <c r="B51" s="143"/>
      <c r="C51" s="76" t="s">
        <v>69</v>
      </c>
      <c r="D51" s="74"/>
      <c r="E51" s="115"/>
      <c r="F51" s="116"/>
    </row>
    <row r="52" spans="2:6" s="4" customFormat="1" ht="33.75" customHeight="1">
      <c r="B52" s="143"/>
      <c r="C52" s="71" t="s">
        <v>70</v>
      </c>
      <c r="D52" s="73"/>
      <c r="E52" s="115"/>
      <c r="F52" s="116"/>
    </row>
    <row r="53" spans="2:6" s="4" customFormat="1" ht="25.5" customHeight="1">
      <c r="B53" s="143"/>
      <c r="C53" s="72" t="s">
        <v>71</v>
      </c>
      <c r="D53" s="75"/>
      <c r="E53" s="115"/>
      <c r="F53" s="116"/>
    </row>
    <row r="54" spans="2:6" s="4" customFormat="1" ht="33.75" customHeight="1">
      <c r="B54" s="143"/>
      <c r="C54" s="71" t="s">
        <v>72</v>
      </c>
      <c r="D54" s="74"/>
      <c r="E54" s="115"/>
      <c r="F54" s="116"/>
    </row>
    <row r="55" spans="2:6" s="4" customFormat="1" ht="66" customHeight="1">
      <c r="B55" s="143"/>
      <c r="C55" s="71" t="s">
        <v>177</v>
      </c>
      <c r="D55" s="74"/>
      <c r="E55" s="115"/>
      <c r="F55" s="116"/>
    </row>
    <row r="56" spans="2:6" s="4" customFormat="1" ht="25.5" customHeight="1">
      <c r="B56" s="144"/>
      <c r="C56" s="77" t="s">
        <v>73</v>
      </c>
      <c r="D56" s="69"/>
      <c r="E56" s="148"/>
      <c r="F56" s="149"/>
    </row>
    <row r="57" spans="2:6" s="4" customFormat="1" ht="48" customHeight="1">
      <c r="B57" s="142" t="s">
        <v>55</v>
      </c>
      <c r="C57" s="62" t="s">
        <v>86</v>
      </c>
      <c r="D57" s="47"/>
      <c r="E57" s="117"/>
      <c r="F57" s="118"/>
    </row>
    <row r="58" spans="2:6" s="4" customFormat="1" ht="33" customHeight="1">
      <c r="B58" s="143"/>
      <c r="C58" s="62" t="s">
        <v>87</v>
      </c>
      <c r="D58" s="47"/>
      <c r="E58" s="117"/>
      <c r="F58" s="118"/>
    </row>
    <row r="59" spans="2:6" s="4" customFormat="1" ht="57" customHeight="1">
      <c r="B59" s="143"/>
      <c r="C59" s="62" t="s">
        <v>88</v>
      </c>
      <c r="D59" s="47"/>
      <c r="E59" s="117"/>
      <c r="F59" s="118"/>
    </row>
    <row r="60" spans="2:6" s="4" customFormat="1" ht="62.25" customHeight="1">
      <c r="B60" s="143"/>
      <c r="C60" s="62" t="s">
        <v>75</v>
      </c>
      <c r="D60" s="47"/>
      <c r="E60" s="117"/>
      <c r="F60" s="118"/>
    </row>
    <row r="61" spans="2:6" s="4" customFormat="1" ht="33" customHeight="1">
      <c r="B61" s="143"/>
      <c r="C61" s="62" t="s">
        <v>74</v>
      </c>
      <c r="D61" s="47"/>
      <c r="E61" s="117"/>
      <c r="F61" s="118"/>
    </row>
    <row r="62" spans="2:6" s="4" customFormat="1" ht="76.5">
      <c r="B62" s="144"/>
      <c r="C62" s="62" t="s">
        <v>89</v>
      </c>
      <c r="D62" s="47"/>
      <c r="E62" s="117"/>
      <c r="F62" s="118"/>
    </row>
    <row r="63" spans="2:6" s="4" customFormat="1" ht="45" customHeight="1">
      <c r="B63" s="54" t="s">
        <v>56</v>
      </c>
      <c r="C63" s="62" t="s">
        <v>90</v>
      </c>
      <c r="D63" s="47"/>
      <c r="E63" s="117"/>
      <c r="F63" s="118"/>
    </row>
    <row r="64" spans="2:6" s="4" customFormat="1" ht="154.5" customHeight="1">
      <c r="B64" s="54" t="s">
        <v>61</v>
      </c>
      <c r="C64" s="62" t="s">
        <v>57</v>
      </c>
      <c r="D64" s="47"/>
      <c r="E64" s="117"/>
      <c r="F64" s="118"/>
    </row>
    <row r="65" spans="2:6" s="4" customFormat="1" ht="63.75" customHeight="1">
      <c r="B65" s="54" t="s">
        <v>98</v>
      </c>
      <c r="C65" s="62" t="s">
        <v>99</v>
      </c>
      <c r="D65" s="47"/>
      <c r="E65" s="117"/>
      <c r="F65" s="118"/>
    </row>
    <row r="66" spans="2:6" s="4" customFormat="1" ht="33" customHeight="1">
      <c r="B66" s="55" t="s">
        <v>64</v>
      </c>
      <c r="C66" s="63" t="s">
        <v>108</v>
      </c>
      <c r="D66" s="47"/>
      <c r="E66" s="117"/>
      <c r="F66" s="118"/>
    </row>
    <row r="67" spans="2:6" s="4" customFormat="1" ht="33" customHeight="1">
      <c r="B67" s="55" t="s">
        <v>97</v>
      </c>
      <c r="C67" s="63" t="s">
        <v>100</v>
      </c>
      <c r="D67" s="47"/>
      <c r="E67" s="117"/>
      <c r="F67" s="118"/>
    </row>
    <row r="68" spans="2:6" s="4" customFormat="1" ht="57.75" customHeight="1">
      <c r="B68" s="145" t="s">
        <v>91</v>
      </c>
      <c r="C68" s="63" t="s">
        <v>101</v>
      </c>
      <c r="D68" s="47"/>
      <c r="E68" s="117"/>
      <c r="F68" s="118"/>
    </row>
    <row r="69" spans="2:6" s="4" customFormat="1" ht="33" customHeight="1">
      <c r="B69" s="146"/>
      <c r="C69" s="63" t="s">
        <v>102</v>
      </c>
      <c r="D69" s="47"/>
      <c r="E69" s="117"/>
      <c r="F69" s="118"/>
    </row>
    <row r="70" spans="2:6" s="4" customFormat="1" ht="33" customHeight="1">
      <c r="B70" s="146"/>
      <c r="C70" s="63" t="s">
        <v>76</v>
      </c>
      <c r="D70" s="47"/>
      <c r="E70" s="117"/>
      <c r="F70" s="118"/>
    </row>
    <row r="71" spans="2:6" s="4" customFormat="1" ht="25.5" customHeight="1">
      <c r="B71" s="146"/>
      <c r="C71" s="63" t="s">
        <v>77</v>
      </c>
      <c r="D71" s="47"/>
      <c r="E71" s="117"/>
      <c r="F71" s="118"/>
    </row>
    <row r="72" spans="2:6" s="4" customFormat="1" ht="51">
      <c r="B72" s="146"/>
      <c r="C72" s="63" t="s">
        <v>103</v>
      </c>
      <c r="D72" s="47"/>
      <c r="E72" s="117"/>
      <c r="F72" s="118"/>
    </row>
    <row r="73" spans="2:6" s="4" customFormat="1" ht="33" customHeight="1">
      <c r="B73" s="146"/>
      <c r="C73" s="63" t="s">
        <v>78</v>
      </c>
      <c r="D73" s="47"/>
      <c r="E73" s="117"/>
      <c r="F73" s="118"/>
    </row>
    <row r="74" spans="2:6" s="4" customFormat="1" ht="48.75" customHeight="1">
      <c r="B74" s="147"/>
      <c r="C74" s="63" t="s">
        <v>104</v>
      </c>
      <c r="D74" s="47"/>
      <c r="E74" s="117"/>
      <c r="F74" s="118"/>
    </row>
    <row r="75" spans="2:6" s="4" customFormat="1" ht="70.5" customHeight="1">
      <c r="B75" s="55" t="s">
        <v>92</v>
      </c>
      <c r="C75" s="63" t="s">
        <v>60</v>
      </c>
      <c r="D75" s="47"/>
      <c r="E75" s="117"/>
      <c r="F75" s="118"/>
    </row>
    <row r="76" spans="2:6" s="4" customFormat="1" ht="33" customHeight="1">
      <c r="B76" s="55" t="s">
        <v>93</v>
      </c>
      <c r="C76" s="63" t="s">
        <v>105</v>
      </c>
      <c r="D76" s="47"/>
      <c r="E76" s="117"/>
      <c r="F76" s="118"/>
    </row>
    <row r="77" spans="2:6" s="4" customFormat="1" ht="45" customHeight="1">
      <c r="B77" s="55" t="s">
        <v>94</v>
      </c>
      <c r="C77" s="63" t="s">
        <v>62</v>
      </c>
      <c r="D77" s="47"/>
      <c r="E77" s="117"/>
      <c r="F77" s="118"/>
    </row>
    <row r="78" spans="2:6" s="4" customFormat="1" ht="45" customHeight="1">
      <c r="B78" s="55" t="s">
        <v>95</v>
      </c>
      <c r="C78" s="63" t="s">
        <v>106</v>
      </c>
      <c r="D78" s="47"/>
      <c r="E78" s="117"/>
      <c r="F78" s="118"/>
    </row>
    <row r="79" spans="2:6" s="4" customFormat="1" ht="46.5" customHeight="1">
      <c r="B79" s="59" t="s">
        <v>96</v>
      </c>
      <c r="C79" s="78" t="s">
        <v>107</v>
      </c>
      <c r="D79" s="65"/>
      <c r="E79" s="152"/>
      <c r="F79" s="153"/>
    </row>
    <row r="80" spans="2:6" s="2" customFormat="1" ht="72.75" customHeight="1" thickBot="1">
      <c r="B80" s="67" t="s">
        <v>137</v>
      </c>
      <c r="C80" s="185" t="s">
        <v>176</v>
      </c>
      <c r="D80" s="66"/>
      <c r="E80" s="154"/>
      <c r="F80" s="155"/>
    </row>
    <row r="81" spans="1:6" s="2" customFormat="1" ht="9.75" customHeight="1">
      <c r="B81" s="15"/>
      <c r="C81" s="64"/>
      <c r="D81" s="60"/>
      <c r="E81" s="60"/>
      <c r="F81" s="60"/>
    </row>
    <row r="82" spans="1:6" s="2" customFormat="1" ht="20.100000000000001" customHeight="1">
      <c r="B82" s="108" t="s">
        <v>42</v>
      </c>
      <c r="C82" s="108"/>
      <c r="D82" s="108"/>
      <c r="E82" s="108"/>
      <c r="F82" s="108"/>
    </row>
    <row r="83" spans="1:6" s="2" customFormat="1" ht="5.0999999999999996" customHeight="1" thickBot="1">
      <c r="B83" s="15"/>
      <c r="D83" s="6"/>
      <c r="E83" s="6"/>
      <c r="F83" s="6"/>
    </row>
    <row r="84" spans="1:6" s="3" customFormat="1" ht="69" customHeight="1">
      <c r="B84" s="109" t="s">
        <v>7</v>
      </c>
      <c r="C84" s="110"/>
      <c r="D84" s="94" t="s">
        <v>27</v>
      </c>
      <c r="E84" s="95"/>
      <c r="F84" s="96"/>
    </row>
    <row r="85" spans="1:6" s="3" customFormat="1" ht="30" customHeight="1" thickBot="1">
      <c r="A85" s="169"/>
      <c r="B85" s="111"/>
      <c r="C85" s="112"/>
      <c r="D85" s="23" t="s">
        <v>6</v>
      </c>
      <c r="E85" s="97" t="s">
        <v>28</v>
      </c>
      <c r="F85" s="98"/>
    </row>
    <row r="86" spans="1:6" s="3" customFormat="1" ht="30" customHeight="1">
      <c r="A86" s="169"/>
      <c r="B86" s="156" t="s">
        <v>80</v>
      </c>
      <c r="C86" s="157"/>
      <c r="D86" s="157"/>
      <c r="E86" s="157"/>
      <c r="F86" s="158"/>
    </row>
    <row r="87" spans="1:6" s="2" customFormat="1" ht="49.5" customHeight="1">
      <c r="B87" s="46" t="s">
        <v>14</v>
      </c>
      <c r="C87" s="26" t="s">
        <v>165</v>
      </c>
      <c r="D87" s="87"/>
      <c r="E87" s="88"/>
      <c r="F87" s="89"/>
    </row>
    <row r="88" spans="1:6" s="2" customFormat="1" ht="61.5" customHeight="1">
      <c r="B88" s="46" t="s">
        <v>51</v>
      </c>
      <c r="C88" s="79" t="s">
        <v>109</v>
      </c>
      <c r="D88" s="47"/>
      <c r="E88" s="126"/>
      <c r="F88" s="127"/>
    </row>
    <row r="89" spans="1:6" s="2" customFormat="1" ht="57.75" customHeight="1">
      <c r="B89" s="46" t="s">
        <v>58</v>
      </c>
      <c r="C89" s="80" t="s">
        <v>110</v>
      </c>
      <c r="D89" s="47"/>
      <c r="E89" s="126"/>
      <c r="F89" s="127"/>
    </row>
    <row r="90" spans="1:6" s="2" customFormat="1" ht="49.5" customHeight="1">
      <c r="B90" s="46" t="s">
        <v>59</v>
      </c>
      <c r="C90" s="170" t="s">
        <v>154</v>
      </c>
      <c r="D90" s="47"/>
      <c r="E90" s="126"/>
      <c r="F90" s="127"/>
    </row>
    <row r="91" spans="1:6" s="2" customFormat="1" ht="124.5" customHeight="1">
      <c r="B91" s="46" t="s">
        <v>56</v>
      </c>
      <c r="C91" s="79" t="s">
        <v>111</v>
      </c>
      <c r="D91" s="47"/>
      <c r="E91" s="126"/>
      <c r="F91" s="127"/>
    </row>
    <row r="92" spans="1:6" s="2" customFormat="1" ht="56.25" customHeight="1">
      <c r="B92" s="46" t="s">
        <v>61</v>
      </c>
      <c r="C92" s="79" t="s">
        <v>155</v>
      </c>
      <c r="D92" s="47"/>
      <c r="E92" s="126"/>
      <c r="F92" s="127"/>
    </row>
    <row r="93" spans="1:6" s="2" customFormat="1" ht="89.25">
      <c r="B93" s="46" t="s">
        <v>63</v>
      </c>
      <c r="C93" s="79" t="s">
        <v>156</v>
      </c>
      <c r="D93" s="47"/>
      <c r="E93" s="126"/>
      <c r="F93" s="127"/>
    </row>
    <row r="94" spans="1:6" s="2" customFormat="1" ht="83.25" customHeight="1">
      <c r="B94" s="46" t="s">
        <v>64</v>
      </c>
      <c r="C94" s="79" t="s">
        <v>112</v>
      </c>
      <c r="D94" s="47"/>
      <c r="E94" s="91"/>
      <c r="F94" s="92"/>
    </row>
    <row r="95" spans="1:6" s="2" customFormat="1" ht="111.75" customHeight="1">
      <c r="B95" s="46" t="s">
        <v>97</v>
      </c>
      <c r="C95" s="80" t="s">
        <v>157</v>
      </c>
      <c r="D95" s="47"/>
      <c r="E95" s="91"/>
      <c r="F95" s="92"/>
    </row>
    <row r="96" spans="1:6" s="2" customFormat="1" ht="45" customHeight="1">
      <c r="B96" s="46" t="s">
        <v>91</v>
      </c>
      <c r="C96" s="81" t="s">
        <v>113</v>
      </c>
      <c r="D96" s="87"/>
      <c r="E96" s="88"/>
      <c r="F96" s="89"/>
    </row>
    <row r="97" spans="2:6" s="2" customFormat="1" ht="45.75" customHeight="1">
      <c r="B97" s="46" t="s">
        <v>92</v>
      </c>
      <c r="C97" s="79" t="s">
        <v>114</v>
      </c>
      <c r="D97" s="47"/>
      <c r="E97" s="126"/>
      <c r="F97" s="127"/>
    </row>
    <row r="98" spans="2:6" s="2" customFormat="1" ht="26.25" customHeight="1">
      <c r="B98" s="46" t="s">
        <v>93</v>
      </c>
      <c r="C98" s="79" t="s">
        <v>115</v>
      </c>
      <c r="D98" s="47"/>
      <c r="E98" s="126"/>
      <c r="F98" s="127"/>
    </row>
    <row r="99" spans="2:6" s="2" customFormat="1" ht="45" customHeight="1">
      <c r="B99" s="46" t="s">
        <v>94</v>
      </c>
      <c r="C99" s="79" t="s">
        <v>158</v>
      </c>
      <c r="D99" s="47"/>
      <c r="E99" s="91"/>
      <c r="F99" s="92"/>
    </row>
    <row r="100" spans="2:6" s="2" customFormat="1" ht="45" customHeight="1">
      <c r="B100" s="46" t="s">
        <v>95</v>
      </c>
      <c r="C100" s="79" t="s">
        <v>132</v>
      </c>
      <c r="D100" s="47"/>
      <c r="E100" s="91"/>
      <c r="F100" s="92"/>
    </row>
    <row r="101" spans="2:6" s="2" customFormat="1" ht="183" customHeight="1">
      <c r="B101" s="46" t="s">
        <v>96</v>
      </c>
      <c r="C101" s="79" t="s">
        <v>116</v>
      </c>
      <c r="D101" s="47"/>
      <c r="E101" s="91"/>
      <c r="F101" s="92"/>
    </row>
    <row r="102" spans="2:6" s="2" customFormat="1" ht="60" customHeight="1">
      <c r="B102" s="46" t="s">
        <v>137</v>
      </c>
      <c r="C102" s="79" t="s">
        <v>117</v>
      </c>
      <c r="D102" s="47"/>
      <c r="E102" s="91"/>
      <c r="F102" s="92"/>
    </row>
    <row r="103" spans="2:6" s="2" customFormat="1" ht="102" customHeight="1">
      <c r="B103" s="46" t="s">
        <v>139</v>
      </c>
      <c r="C103" s="79" t="s">
        <v>159</v>
      </c>
      <c r="D103" s="47"/>
      <c r="E103" s="91"/>
      <c r="F103" s="92"/>
    </row>
    <row r="104" spans="2:6" s="2" customFormat="1" ht="88.5" customHeight="1">
      <c r="B104" s="46" t="s">
        <v>140</v>
      </c>
      <c r="C104" s="170" t="s">
        <v>160</v>
      </c>
      <c r="D104" s="47"/>
      <c r="E104" s="91"/>
      <c r="F104" s="92"/>
    </row>
    <row r="105" spans="2:6" s="2" customFormat="1" ht="75" customHeight="1">
      <c r="B105" s="46" t="s">
        <v>141</v>
      </c>
      <c r="C105" s="79" t="s">
        <v>161</v>
      </c>
      <c r="D105" s="47"/>
      <c r="E105" s="91"/>
      <c r="F105" s="92"/>
    </row>
    <row r="106" spans="2:6" s="2" customFormat="1" ht="45.75" customHeight="1">
      <c r="B106" s="46" t="s">
        <v>142</v>
      </c>
      <c r="C106" s="79" t="s">
        <v>118</v>
      </c>
      <c r="D106" s="47"/>
      <c r="E106" s="91"/>
      <c r="F106" s="92"/>
    </row>
    <row r="107" spans="2:6" s="2" customFormat="1" ht="106.5" customHeight="1">
      <c r="B107" s="46" t="s">
        <v>143</v>
      </c>
      <c r="C107" s="79" t="s">
        <v>162</v>
      </c>
      <c r="D107" s="47"/>
      <c r="E107" s="126"/>
      <c r="F107" s="127"/>
    </row>
    <row r="108" spans="2:6" s="2" customFormat="1" ht="84.75" customHeight="1">
      <c r="B108" s="86" t="s">
        <v>144</v>
      </c>
      <c r="C108" s="79" t="s">
        <v>119</v>
      </c>
      <c r="D108" s="87"/>
      <c r="E108" s="88"/>
      <c r="F108" s="89"/>
    </row>
    <row r="109" spans="2:6" s="2" customFormat="1" ht="123" customHeight="1">
      <c r="B109" s="86" t="s">
        <v>145</v>
      </c>
      <c r="C109" s="79" t="s">
        <v>120</v>
      </c>
      <c r="D109" s="47"/>
      <c r="E109" s="91"/>
      <c r="F109" s="92"/>
    </row>
    <row r="110" spans="2:6" s="2" customFormat="1" ht="72.75" customHeight="1">
      <c r="B110" s="86" t="s">
        <v>146</v>
      </c>
      <c r="C110" s="79" t="s">
        <v>163</v>
      </c>
      <c r="D110" s="47"/>
      <c r="E110" s="91"/>
      <c r="F110" s="92"/>
    </row>
    <row r="111" spans="2:6" s="2" customFormat="1" ht="45" customHeight="1">
      <c r="B111" s="86" t="s">
        <v>147</v>
      </c>
      <c r="C111" s="79" t="s">
        <v>121</v>
      </c>
      <c r="D111" s="47"/>
      <c r="E111" s="83"/>
      <c r="F111" s="84"/>
    </row>
    <row r="112" spans="2:6" s="2" customFormat="1" ht="21.75" customHeight="1">
      <c r="B112" s="86" t="s">
        <v>148</v>
      </c>
      <c r="C112" s="79" t="s">
        <v>122</v>
      </c>
      <c r="D112" s="47"/>
      <c r="E112" s="91"/>
      <c r="F112" s="92"/>
    </row>
    <row r="113" spans="2:7" s="2" customFormat="1" ht="102">
      <c r="B113" s="86" t="s">
        <v>149</v>
      </c>
      <c r="C113" s="82" t="s">
        <v>164</v>
      </c>
      <c r="D113" s="47"/>
      <c r="E113" s="91"/>
      <c r="F113" s="92"/>
    </row>
    <row r="114" spans="2:7" s="2" customFormat="1" ht="30" customHeight="1">
      <c r="B114" s="85" t="s">
        <v>150</v>
      </c>
      <c r="C114" s="82" t="s">
        <v>123</v>
      </c>
      <c r="D114" s="87"/>
      <c r="E114" s="88"/>
      <c r="F114" s="89"/>
    </row>
    <row r="115" spans="2:7" s="2" customFormat="1" ht="140.25">
      <c r="B115" s="85" t="s">
        <v>151</v>
      </c>
      <c r="C115" s="82" t="s">
        <v>124</v>
      </c>
      <c r="D115" s="53"/>
      <c r="E115" s="91"/>
      <c r="F115" s="92"/>
    </row>
    <row r="116" spans="2:7" s="2" customFormat="1" ht="58.5" customHeight="1">
      <c r="B116" s="85" t="s">
        <v>152</v>
      </c>
      <c r="C116" s="82" t="s">
        <v>125</v>
      </c>
      <c r="D116" s="53"/>
      <c r="E116" s="91"/>
      <c r="F116" s="92"/>
    </row>
    <row r="117" spans="2:7" s="2" customFormat="1" ht="36.75" customHeight="1" thickBot="1">
      <c r="B117" s="165" t="s">
        <v>153</v>
      </c>
      <c r="C117" s="82" t="s">
        <v>126</v>
      </c>
      <c r="D117" s="53"/>
      <c r="E117" s="161"/>
      <c r="F117" s="162"/>
    </row>
    <row r="118" spans="2:7" s="2" customFormat="1" ht="39" thickTop="1">
      <c r="B118" s="163" t="s">
        <v>169</v>
      </c>
      <c r="C118" s="164" t="s">
        <v>167</v>
      </c>
      <c r="D118" s="166"/>
      <c r="E118" s="167"/>
      <c r="F118" s="168"/>
    </row>
    <row r="119" spans="2:7" s="2" customFormat="1" ht="25.5">
      <c r="B119" s="160" t="s">
        <v>168</v>
      </c>
      <c r="C119" s="52" t="s">
        <v>170</v>
      </c>
      <c r="D119" s="53"/>
      <c r="E119" s="91"/>
      <c r="F119" s="92"/>
    </row>
    <row r="120" spans="2:7" s="2" customFormat="1" ht="25.5" customHeight="1">
      <c r="B120" s="85" t="s">
        <v>171</v>
      </c>
      <c r="C120" s="52" t="s">
        <v>172</v>
      </c>
      <c r="D120" s="53"/>
      <c r="E120" s="83"/>
      <c r="F120" s="159"/>
    </row>
    <row r="121" spans="2:7" s="2" customFormat="1" ht="25.5" customHeight="1" thickBot="1">
      <c r="B121" s="171" t="s">
        <v>166</v>
      </c>
      <c r="C121" s="172"/>
      <c r="D121" s="172"/>
      <c r="E121" s="172"/>
      <c r="F121" s="173"/>
    </row>
    <row r="122" spans="2:7" s="3" customFormat="1" ht="5.0999999999999996" customHeight="1">
      <c r="B122" s="5"/>
      <c r="C122" s="5"/>
      <c r="D122" s="7"/>
      <c r="E122" s="7"/>
      <c r="F122" s="25"/>
      <c r="G122" s="2"/>
    </row>
    <row r="123" spans="2:7" s="2" customFormat="1" ht="20.100000000000001" customHeight="1">
      <c r="B123" s="108" t="s">
        <v>48</v>
      </c>
      <c r="C123" s="108"/>
      <c r="D123" s="108"/>
      <c r="E123" s="108"/>
      <c r="F123" s="108"/>
    </row>
    <row r="124" spans="2:7" s="2" customFormat="1" ht="4.5" customHeight="1" thickBot="1"/>
    <row r="125" spans="2:7" s="2" customFormat="1" ht="80.25" customHeight="1">
      <c r="B125" s="109" t="s">
        <v>49</v>
      </c>
      <c r="C125" s="110"/>
      <c r="D125" s="94" t="s">
        <v>50</v>
      </c>
      <c r="E125" s="95"/>
      <c r="F125" s="96"/>
    </row>
    <row r="126" spans="2:7" s="3" customFormat="1" ht="29.25" customHeight="1">
      <c r="B126" s="136"/>
      <c r="C126" s="137"/>
      <c r="D126" s="90" t="s">
        <v>6</v>
      </c>
      <c r="E126" s="138" t="s">
        <v>28</v>
      </c>
      <c r="F126" s="139"/>
      <c r="G126" s="2"/>
    </row>
    <row r="127" spans="2:7" s="3" customFormat="1" ht="57.75" customHeight="1" thickBot="1">
      <c r="B127" s="48" t="s">
        <v>14</v>
      </c>
      <c r="C127" s="51"/>
      <c r="D127" s="49"/>
      <c r="E127" s="174"/>
      <c r="F127" s="175"/>
      <c r="G127" s="2"/>
    </row>
    <row r="128" spans="2:7" s="2" customFormat="1" ht="5.0999999999999996" customHeight="1">
      <c r="B128" s="5"/>
      <c r="C128" s="5"/>
      <c r="D128" s="7"/>
      <c r="E128" s="7"/>
      <c r="F128" s="25"/>
    </row>
    <row r="129" spans="2:7" s="2" customFormat="1" ht="20.100000000000001" customHeight="1">
      <c r="B129" s="108" t="s">
        <v>13</v>
      </c>
      <c r="C129" s="108"/>
      <c r="D129" s="108"/>
      <c r="E129" s="108"/>
      <c r="F129" s="108"/>
    </row>
    <row r="130" spans="2:7" s="3" customFormat="1" ht="22.5" customHeight="1">
      <c r="B130" s="5" t="s">
        <v>15</v>
      </c>
      <c r="C130" s="123" t="s">
        <v>131</v>
      </c>
      <c r="D130" s="123"/>
      <c r="E130" s="123"/>
      <c r="F130" s="123"/>
      <c r="G130" s="2"/>
    </row>
    <row r="131" spans="2:7" s="3" customFormat="1" ht="22.5" customHeight="1">
      <c r="B131" s="176" t="s">
        <v>169</v>
      </c>
      <c r="C131" s="179" t="s">
        <v>175</v>
      </c>
      <c r="D131" s="179"/>
      <c r="E131" s="179"/>
      <c r="F131" s="179"/>
      <c r="G131" s="2"/>
    </row>
    <row r="132" spans="2:7" s="3" customFormat="1" ht="22.5" customHeight="1">
      <c r="B132" s="177" t="s">
        <v>168</v>
      </c>
      <c r="C132" s="179" t="s">
        <v>174</v>
      </c>
      <c r="D132" s="179"/>
      <c r="E132" s="179"/>
      <c r="F132" s="179"/>
      <c r="G132" s="2"/>
    </row>
    <row r="133" spans="2:7" s="3" customFormat="1" ht="22.5" customHeight="1">
      <c r="B133" s="178" t="s">
        <v>171</v>
      </c>
      <c r="C133" s="179" t="s">
        <v>173</v>
      </c>
      <c r="D133" s="179"/>
      <c r="E133" s="179"/>
      <c r="F133" s="179"/>
      <c r="G133" s="2"/>
    </row>
    <row r="134" spans="2:7" s="28" customFormat="1" ht="31.5" customHeight="1">
      <c r="B134" s="124" t="s">
        <v>29</v>
      </c>
      <c r="C134" s="124"/>
      <c r="D134" s="124"/>
      <c r="E134" s="124"/>
      <c r="F134" s="3"/>
      <c r="G134" s="2"/>
    </row>
    <row r="135" spans="2:7" s="2" customFormat="1" ht="24.95" customHeight="1">
      <c r="B135" s="27" t="s">
        <v>30</v>
      </c>
      <c r="C135" s="121"/>
      <c r="D135" s="121"/>
      <c r="F135" s="28"/>
    </row>
    <row r="136" spans="2:7" s="2" customFormat="1" ht="24.95" customHeight="1">
      <c r="B136" s="27" t="s">
        <v>31</v>
      </c>
      <c r="C136" s="121"/>
      <c r="D136" s="121"/>
      <c r="F136" s="28"/>
    </row>
    <row r="137" spans="2:7" s="2" customFormat="1" ht="24.95" customHeight="1">
      <c r="B137" s="27" t="s">
        <v>32</v>
      </c>
      <c r="C137" s="121"/>
      <c r="D137" s="121"/>
      <c r="F137" s="28"/>
    </row>
    <row r="138" spans="2:7" s="3" customFormat="1" ht="24.95" customHeight="1">
      <c r="B138" s="27" t="s">
        <v>33</v>
      </c>
      <c r="C138" s="121"/>
      <c r="D138" s="121"/>
      <c r="E138" s="2"/>
      <c r="F138" s="29"/>
      <c r="G138" s="2"/>
    </row>
    <row r="139" spans="2:7" s="2" customFormat="1" ht="14.25" customHeight="1">
      <c r="B139" s="11"/>
      <c r="C139" s="12"/>
      <c r="D139" s="12"/>
      <c r="F139" s="30"/>
    </row>
    <row r="140" spans="2:7" s="3" customFormat="1" ht="15" customHeight="1">
      <c r="B140" s="125" t="s">
        <v>34</v>
      </c>
      <c r="C140" s="125"/>
      <c r="D140" s="125"/>
      <c r="E140" s="125"/>
      <c r="F140" s="125"/>
    </row>
    <row r="141" spans="2:7" s="2" customFormat="1" ht="36.75" customHeight="1">
      <c r="B141" s="122" t="s">
        <v>45</v>
      </c>
      <c r="C141" s="122"/>
      <c r="D141" s="122"/>
      <c r="E141" s="122"/>
      <c r="F141" s="122"/>
    </row>
    <row r="142" spans="2:7" s="2" customFormat="1" ht="12" customHeight="1">
      <c r="B142" s="1"/>
      <c r="C142" s="1"/>
      <c r="D142" s="8"/>
      <c r="E142" s="8"/>
    </row>
    <row r="143" spans="2:7" s="3" customFormat="1" ht="4.5" customHeight="1">
      <c r="B143" s="1"/>
      <c r="C143" s="1"/>
      <c r="D143" s="8"/>
      <c r="E143" s="8"/>
      <c r="F143" s="2"/>
    </row>
    <row r="144" spans="2:7" s="3" customFormat="1" ht="20.100000000000001" customHeight="1">
      <c r="B144" s="31" t="s">
        <v>35</v>
      </c>
      <c r="C144" s="32"/>
      <c r="D144" s="33" t="s">
        <v>36</v>
      </c>
      <c r="E144" s="119"/>
      <c r="F144" s="119"/>
    </row>
    <row r="145" spans="2:6" s="3" customFormat="1" ht="20.100000000000001" customHeight="1">
      <c r="B145" s="34"/>
      <c r="C145" s="34"/>
      <c r="D145" s="34"/>
      <c r="E145" s="35"/>
      <c r="F145" s="35"/>
    </row>
    <row r="146" spans="2:6" ht="20.100000000000001" customHeight="1">
      <c r="B146" s="31" t="s">
        <v>37</v>
      </c>
      <c r="C146" s="32"/>
      <c r="D146" s="36" t="s">
        <v>38</v>
      </c>
      <c r="E146" s="120"/>
      <c r="F146" s="120"/>
    </row>
    <row r="147" spans="2:6" s="2" customFormat="1" ht="20.100000000000001" customHeight="1">
      <c r="B147" s="1"/>
      <c r="C147" s="1"/>
      <c r="D147" s="36" t="s">
        <v>39</v>
      </c>
      <c r="E147" s="121"/>
      <c r="F147" s="121"/>
    </row>
    <row r="148" spans="2:6" s="2" customFormat="1" ht="20.100000000000001" customHeight="1">
      <c r="B148" s="1"/>
      <c r="C148" s="1"/>
      <c r="D148" s="37" t="s">
        <v>40</v>
      </c>
      <c r="E148" s="1"/>
    </row>
    <row r="149" spans="2:6" s="2" customFormat="1" ht="37.5" customHeight="1"/>
    <row r="150" spans="2:6" s="2" customFormat="1" ht="24" customHeight="1"/>
    <row r="151" spans="2:6" s="2" customFormat="1" ht="24" customHeight="1"/>
    <row r="152" spans="2:6" s="2" customFormat="1" ht="24" customHeight="1"/>
    <row r="153" spans="2:6" s="2" customFormat="1" ht="20.100000000000001" customHeight="1"/>
    <row r="154" spans="2:6" s="2" customFormat="1" ht="20.100000000000001" customHeight="1"/>
    <row r="155" spans="2:6" s="2" customFormat="1" ht="50.1" customHeight="1"/>
    <row r="156" spans="2:6" s="2" customFormat="1" ht="43.5" customHeight="1"/>
    <row r="157" spans="2:6" ht="24.75" customHeight="1">
      <c r="B157" s="2"/>
      <c r="C157" s="2"/>
      <c r="D157" s="2"/>
      <c r="E157" s="2"/>
    </row>
    <row r="158" spans="2:6">
      <c r="B158" s="2"/>
      <c r="C158" s="2"/>
      <c r="D158" s="2"/>
      <c r="E158" s="2"/>
    </row>
    <row r="159" spans="2:6" ht="20.100000000000001" customHeight="1"/>
    <row r="160" spans="2:6" ht="4.5" customHeight="1"/>
    <row r="161" ht="20.100000000000001" customHeight="1"/>
    <row r="162" ht="20.100000000000001" customHeight="1"/>
    <row r="163" ht="20.100000000000001" customHeight="1"/>
  </sheetData>
  <mergeCells count="127">
    <mergeCell ref="B121:F121"/>
    <mergeCell ref="C131:F131"/>
    <mergeCell ref="C132:F132"/>
    <mergeCell ref="C133:F133"/>
    <mergeCell ref="E118:F118"/>
    <mergeCell ref="E119:F119"/>
    <mergeCell ref="E90:F90"/>
    <mergeCell ref="E91:F91"/>
    <mergeCell ref="E92:F92"/>
    <mergeCell ref="E117:F117"/>
    <mergeCell ref="E105:F105"/>
    <mergeCell ref="E106:F106"/>
    <mergeCell ref="E77:F77"/>
    <mergeCell ref="E78:F78"/>
    <mergeCell ref="E79:F79"/>
    <mergeCell ref="E80:F80"/>
    <mergeCell ref="E112:F112"/>
    <mergeCell ref="B86:F86"/>
    <mergeCell ref="E72:F72"/>
    <mergeCell ref="E73:F73"/>
    <mergeCell ref="E74:F74"/>
    <mergeCell ref="E75:F75"/>
    <mergeCell ref="E76:F76"/>
    <mergeCell ref="E93:F93"/>
    <mergeCell ref="B82:F82"/>
    <mergeCell ref="E107:F107"/>
    <mergeCell ref="E99:F99"/>
    <mergeCell ref="E100:F100"/>
    <mergeCell ref="E101:F101"/>
    <mergeCell ref="E102:F102"/>
    <mergeCell ref="E103:F103"/>
    <mergeCell ref="E104:F104"/>
    <mergeCell ref="E88:F88"/>
    <mergeCell ref="E89:F89"/>
    <mergeCell ref="E53:F53"/>
    <mergeCell ref="E54:F54"/>
    <mergeCell ref="E55:F55"/>
    <mergeCell ref="E56:F56"/>
    <mergeCell ref="E67:F67"/>
    <mergeCell ref="E68:F68"/>
    <mergeCell ref="E9:F9"/>
    <mergeCell ref="E49:F49"/>
    <mergeCell ref="E39:F39"/>
    <mergeCell ref="E40:F40"/>
    <mergeCell ref="E41:F41"/>
    <mergeCell ref="E42:F42"/>
    <mergeCell ref="E43:F43"/>
    <mergeCell ref="E44:F44"/>
    <mergeCell ref="E45:F45"/>
    <mergeCell ref="E46:F46"/>
    <mergeCell ref="E47:F47"/>
    <mergeCell ref="E48:F48"/>
    <mergeCell ref="E63:F63"/>
    <mergeCell ref="E64:F64"/>
    <mergeCell ref="E65:F65"/>
    <mergeCell ref="E66:F66"/>
    <mergeCell ref="B125:C126"/>
    <mergeCell ref="D125:F125"/>
    <mergeCell ref="E126:F126"/>
    <mergeCell ref="E113:F113"/>
    <mergeCell ref="E115:F115"/>
    <mergeCell ref="E116:F116"/>
    <mergeCell ref="B13:D13"/>
    <mergeCell ref="E109:F109"/>
    <mergeCell ref="E110:F110"/>
    <mergeCell ref="E97:F97"/>
    <mergeCell ref="E98:F98"/>
    <mergeCell ref="E94:F94"/>
    <mergeCell ref="E95:F95"/>
    <mergeCell ref="B40:B45"/>
    <mergeCell ref="B46:B56"/>
    <mergeCell ref="B57:B62"/>
    <mergeCell ref="B68:B74"/>
    <mergeCell ref="B19:F19"/>
    <mergeCell ref="E57:F57"/>
    <mergeCell ref="E58:F58"/>
    <mergeCell ref="E59:F59"/>
    <mergeCell ref="E61:F61"/>
    <mergeCell ref="E60:F60"/>
    <mergeCell ref="E52:F52"/>
    <mergeCell ref="B2:F2"/>
    <mergeCell ref="B1:F1"/>
    <mergeCell ref="B23:C23"/>
    <mergeCell ref="B26:C26"/>
    <mergeCell ref="B21:F21"/>
    <mergeCell ref="B16:D16"/>
    <mergeCell ref="B17:D17"/>
    <mergeCell ref="B18:F18"/>
    <mergeCell ref="B3:F3"/>
    <mergeCell ref="B7:F7"/>
    <mergeCell ref="B8:F8"/>
    <mergeCell ref="B11:F11"/>
    <mergeCell ref="B12:D12"/>
    <mergeCell ref="B9:D9"/>
    <mergeCell ref="E144:F144"/>
    <mergeCell ref="E146:F146"/>
    <mergeCell ref="E147:F147"/>
    <mergeCell ref="B141:F141"/>
    <mergeCell ref="B129:F129"/>
    <mergeCell ref="C130:F130"/>
    <mergeCell ref="B134:E134"/>
    <mergeCell ref="B140:F140"/>
    <mergeCell ref="C135:D135"/>
    <mergeCell ref="C136:D136"/>
    <mergeCell ref="C137:D137"/>
    <mergeCell ref="C138:D138"/>
    <mergeCell ref="B20:D20"/>
    <mergeCell ref="D84:F84"/>
    <mergeCell ref="E85:F85"/>
    <mergeCell ref="B38:F38"/>
    <mergeCell ref="D36:F36"/>
    <mergeCell ref="E37:F37"/>
    <mergeCell ref="B22:F22"/>
    <mergeCell ref="C27:D27"/>
    <mergeCell ref="B30:C30"/>
    <mergeCell ref="B34:F34"/>
    <mergeCell ref="B36:C37"/>
    <mergeCell ref="B84:C85"/>
    <mergeCell ref="C28:D28"/>
    <mergeCell ref="E50:F50"/>
    <mergeCell ref="E51:F51"/>
    <mergeCell ref="E69:F69"/>
    <mergeCell ref="E70:F70"/>
    <mergeCell ref="E71:F71"/>
    <mergeCell ref="E62:F62"/>
    <mergeCell ref="E127:F127"/>
    <mergeCell ref="B123:F123"/>
  </mergeCells>
  <conditionalFormatting sqref="D87:D120 D39:D80">
    <cfRule type="containsBlanks" dxfId="10" priority="123">
      <formula>LEN(TRIM(D39))=0</formula>
    </cfRule>
  </conditionalFormatting>
  <conditionalFormatting sqref="E146:F146">
    <cfRule type="containsBlanks" dxfId="9" priority="122">
      <formula>LEN(TRIM(E146))=0</formula>
    </cfRule>
  </conditionalFormatting>
  <conditionalFormatting sqref="C144">
    <cfRule type="containsBlanks" dxfId="8" priority="120">
      <formula>LEN(TRIM(C144))=0</formula>
    </cfRule>
  </conditionalFormatting>
  <conditionalFormatting sqref="E147:F147">
    <cfRule type="containsBlanks" dxfId="7" priority="121">
      <formula>LEN(TRIM(E147))=0</formula>
    </cfRule>
  </conditionalFormatting>
  <conditionalFormatting sqref="C146">
    <cfRule type="containsBlanks" dxfId="6" priority="119">
      <formula>LEN(TRIM(C146))=0</formula>
    </cfRule>
  </conditionalFormatting>
  <conditionalFormatting sqref="C4:C5">
    <cfRule type="containsBlanks" dxfId="5" priority="118">
      <formula>LEN(TRIM(C4))=0</formula>
    </cfRule>
  </conditionalFormatting>
  <conditionalFormatting sqref="C137:D137">
    <cfRule type="containsBlanks" dxfId="4" priority="108">
      <formula>LEN(TRIM(C137))=0</formula>
    </cfRule>
  </conditionalFormatting>
  <conditionalFormatting sqref="C136:D136">
    <cfRule type="containsBlanks" dxfId="3" priority="59">
      <formula>LEN(TRIM(C136))=0</formula>
    </cfRule>
  </conditionalFormatting>
  <conditionalFormatting sqref="C135:D135">
    <cfRule type="containsBlanks" dxfId="2" priority="58">
      <formula>LEN(TRIM(C135))=0</formula>
    </cfRule>
  </conditionalFormatting>
  <conditionalFormatting sqref="C138:D138">
    <cfRule type="containsBlanks" dxfId="1" priority="57">
      <formula>LEN(TRIM(C138))=0</formula>
    </cfRule>
  </conditionalFormatting>
  <conditionalFormatting sqref="D127">
    <cfRule type="containsBlanks" dxfId="0" priority="50">
      <formula>LEN(TRIM(D127))=0</formula>
    </cfRule>
  </conditionalFormatting>
  <printOptions horizontalCentered="1"/>
  <pageMargins left="0.70866141732283472" right="0.70866141732283472" top="0.9055118110236221" bottom="0.74803149606299213" header="0.31496062992125984" footer="0.31496062992125984"/>
  <pageSetup paperSize="9" scale="57"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77" min="1" max="5" man="1"/>
    <brk id="100" min="1" max="5" man="1"/>
    <brk id="115"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5-04-09T10:02:28Z</cp:lastPrinted>
  <dcterms:created xsi:type="dcterms:W3CDTF">2017-04-21T05:51:15Z</dcterms:created>
  <dcterms:modified xsi:type="dcterms:W3CDTF">2025-04-09T10:02:37Z</dcterms:modified>
</cp:coreProperties>
</file>